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1\02. Oddelenie VO\01. Prebiehajúce\03. Lenka\2021_137. Nádoby ma klinický odpad\02. Príprava\04. PTK\02. Odoslaná\"/>
    </mc:Choice>
  </mc:AlternateContent>
  <bookViews>
    <workbookView xWindow="0" yWindow="0" windowWidth="25440" windowHeight="11700"/>
  </bookViews>
  <sheets>
    <sheet name="Cenová ponuka" sheetId="8" r:id="rId1"/>
  </sheets>
  <definedNames>
    <definedName name="_xlnm.Print_Area" localSheetId="0">'Cenová ponuka'!$A$1:$F$185</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06" uniqueCount="223">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tovar</t>
  </si>
  <si>
    <t>3.1</t>
  </si>
  <si>
    <t>3.2</t>
  </si>
  <si>
    <t>3.3</t>
  </si>
  <si>
    <t>3.4</t>
  </si>
  <si>
    <t>3.5</t>
  </si>
  <si>
    <t>3.6</t>
  </si>
  <si>
    <t xml:space="preserve">Požadované minimálne osobitné požiadavky na predmet zákazky:
</t>
  </si>
  <si>
    <t>P.č.</t>
  </si>
  <si>
    <t>Položka č.1</t>
  </si>
  <si>
    <t>Nádoby na klinický odpad</t>
  </si>
  <si>
    <t>Položka č.2</t>
  </si>
  <si>
    <t>Položka č.3</t>
  </si>
  <si>
    <t>Položka č.4</t>
  </si>
  <si>
    <t>Položka č.5</t>
  </si>
  <si>
    <t>Položka č. 1 - NÁDOBA NA KLINICKÝ ODPAD TYP č. 1</t>
  </si>
  <si>
    <t>1.1</t>
  </si>
  <si>
    <t>1.2</t>
  </si>
  <si>
    <t>otvor na kryte (veku) nádoby:</t>
  </si>
  <si>
    <t>1.2.1</t>
  </si>
  <si>
    <t>s priemerom</t>
  </si>
  <si>
    <t>1.2.2</t>
  </si>
  <si>
    <t>resp. s rozmerom</t>
  </si>
  <si>
    <t>1.3</t>
  </si>
  <si>
    <t xml:space="preserve">výška nádoby </t>
  </si>
  <si>
    <t>1.4</t>
  </si>
  <si>
    <t>nádoba musí slúžiť na zber ostrých predmetov a klinického odpadu</t>
  </si>
  <si>
    <t>1.5</t>
  </si>
  <si>
    <t>nádoba musí byť určená na jednorazové použitie</t>
  </si>
  <si>
    <t>1.6</t>
  </si>
  <si>
    <t>nádoba musí byť určená na transport a následnú likvidáciu spálením spolu s jej obsahom mimo nemocničného zariadenia</t>
  </si>
  <si>
    <t>1.7</t>
  </si>
  <si>
    <t>nádoba musí byť vyrobená z  ekologického plastového materiálu</t>
  </si>
  <si>
    <t>1.8</t>
  </si>
  <si>
    <t>nádoba musí byť vybavená rúčkami, resp. úchytkami na jednoduchý prenos</t>
  </si>
  <si>
    <t>1.9</t>
  </si>
  <si>
    <t xml:space="preserve">nádoba musí pozostávať z dvoch častí: </t>
  </si>
  <si>
    <t xml:space="preserve">a) </t>
  </si>
  <si>
    <t xml:space="preserve">samotná nádoba </t>
  </si>
  <si>
    <t xml:space="preserve">b) </t>
  </si>
  <si>
    <t>kryt (uzatvárateľné veko) s otvorom</t>
  </si>
  <si>
    <t>1.10</t>
  </si>
  <si>
    <t>nádoba musí mať možnosť dočasného a permanentného uzavretia:</t>
  </si>
  <si>
    <t>dočasné uzavretie nádoby má chrániť personál pred kontaktom s použitými ostrými predmetmi a výparmi z biologického materiálu medzi jednotlivými použitiami</t>
  </si>
  <si>
    <t>permanentné uzavretie nádoby má zabezpečiť  po naplnení nádoby jej pevné uzavretie pomocou permanentného uzáveru, čím bude nádoba pripravená k transportu a likvidácií. Po uzavretí nesmie byť možné jej opätovné otváranie a použitie</t>
  </si>
  <si>
    <t>1.11</t>
  </si>
  <si>
    <t>nádoba musí spĺňať požiadavky na obaly v zmysle Dohody ADR podľa obalových inštrukcií pre klinické odpady</t>
  </si>
  <si>
    <t>1.12</t>
  </si>
  <si>
    <t xml:space="preserve">na nádobe musí byť označenie  kódu obalu "un", ktorý je trvalý, čitateľný a umiestnený na mieste a takej veľkosti vzťahujúcej sa k nádobe, aby bol dobre viditeľný. </t>
  </si>
  <si>
    <t>min. 2 litre - max. 2,2 litra</t>
  </si>
  <si>
    <t>min. 4,5 cm - max. 7,5 cm</t>
  </si>
  <si>
    <t xml:space="preserve">min. 5 cm x max. 11 cm </t>
  </si>
  <si>
    <t xml:space="preserve">min. 12,5 cm - max. 23 cm </t>
  </si>
  <si>
    <t>Položka č. 2 - NÁDOBA NA KLINICKÝ ODPAD TYP č. 2</t>
  </si>
  <si>
    <t xml:space="preserve">objem nádoby </t>
  </si>
  <si>
    <t>2.1</t>
  </si>
  <si>
    <t>2.2</t>
  </si>
  <si>
    <t>2.2.1</t>
  </si>
  <si>
    <t>2.2.2</t>
  </si>
  <si>
    <t>2.3</t>
  </si>
  <si>
    <t>2.4</t>
  </si>
  <si>
    <t>2.5</t>
  </si>
  <si>
    <t>2.6</t>
  </si>
  <si>
    <t>2.7</t>
  </si>
  <si>
    <t>2.8</t>
  </si>
  <si>
    <t>2.9</t>
  </si>
  <si>
    <t>2.10</t>
  </si>
  <si>
    <t>2.11</t>
  </si>
  <si>
    <t>2.12</t>
  </si>
  <si>
    <t>min. 4 litre - max. 5 litrov</t>
  </si>
  <si>
    <t>min. 7,5 cm - max. 11,5 cm</t>
  </si>
  <si>
    <t xml:space="preserve">min. 5,5 cm x max. 12 cm </t>
  </si>
  <si>
    <t xml:space="preserve">min. 14 cm - max. 25 cm </t>
  </si>
  <si>
    <t>Položka č. 3 - NÁDOBA NA KLINICKÝ ODPAD TYP č. 3</t>
  </si>
  <si>
    <t>min. 10 litrov - max. 12 litrov</t>
  </si>
  <si>
    <t>otvor na kryte (veku) nádoby s priemerom:</t>
  </si>
  <si>
    <t>min. 8 cm - max. 12,5 cm</t>
  </si>
  <si>
    <t xml:space="preserve">min. 22 cm - max. 32 cm </t>
  </si>
  <si>
    <t>3.7</t>
  </si>
  <si>
    <t>3.8</t>
  </si>
  <si>
    <t>3.9</t>
  </si>
  <si>
    <t>3.10</t>
  </si>
  <si>
    <t>3.11</t>
  </si>
  <si>
    <t>3.12</t>
  </si>
  <si>
    <t>Položka č. 4 - NÁDOBA NA KLINICKÝ ODPAD TYP č. 4</t>
  </si>
  <si>
    <t>4.1</t>
  </si>
  <si>
    <t>60 litrov</t>
  </si>
  <si>
    <t>4.2</t>
  </si>
  <si>
    <t xml:space="preserve">min. 50 cm - max. 75 cm </t>
  </si>
  <si>
    <t>4.3</t>
  </si>
  <si>
    <t>4.4</t>
  </si>
  <si>
    <t>4.5</t>
  </si>
  <si>
    <t>4.6</t>
  </si>
  <si>
    <t>4.7</t>
  </si>
  <si>
    <t>4.8</t>
  </si>
  <si>
    <t xml:space="preserve">kryt (uzatvárateľné veko) </t>
  </si>
  <si>
    <t>4.9</t>
  </si>
  <si>
    <t>4.10</t>
  </si>
  <si>
    <t>4.11</t>
  </si>
  <si>
    <t>Položka č. 5 - NÁDOBA NA KLINICKÝ ODPAD TYP č. 5</t>
  </si>
  <si>
    <t>otvor  nádoby:</t>
  </si>
  <si>
    <t xml:space="preserve">výška uzavretej nádoby </t>
  </si>
  <si>
    <t>nádoba musí byť vybavená úchytkami na jednoduchý prenos a možnosť stohovania</t>
  </si>
  <si>
    <t>samotná nádoba -kartónová krabica  (lepenka)</t>
  </si>
  <si>
    <t>vnútorné balenie -  plastový vak (LDPE)  prilepený k vnútorným stenám škatule</t>
  </si>
  <si>
    <t>dočasné uzavretie nádoby má chrániť personál pred kontaktom s použitými predmetmi a výparmi z biologického materiálu medzi jednotlivými použitiami</t>
  </si>
  <si>
    <t xml:space="preserve">permanentné uzavretie nádoby má zabezpečiť  po naplnení nádoby jej pevné uzavretie, čím bude nádoba pripravená k transportu a likvidácií ( za účelom ochrany personálu). </t>
  </si>
  <si>
    <t>Nádoba musí mať vysokú odolnosť proti vlhkosti</t>
  </si>
  <si>
    <t>min. 47 litrov - max.55  litrov</t>
  </si>
  <si>
    <t xml:space="preserve">min. 25 cm - max. 35 cm </t>
  </si>
  <si>
    <t xml:space="preserve">min. 49 cm - max. 60 cm </t>
  </si>
  <si>
    <t>Nádoba na klinický odpad typ č.1</t>
  </si>
  <si>
    <t>Nádoba na klinický odpad typ č.2</t>
  </si>
  <si>
    <t>Nádoba na klinický odpad typ č.3</t>
  </si>
  <si>
    <t>Nádoba na klinický odpad typ č.4</t>
  </si>
  <si>
    <t>Nádoba na klinický odpad typ č.5</t>
  </si>
  <si>
    <t>Predmetom obstarávanej zákazky je dodávka nádob na klinický odpad pre jednotlivé pracoviská verejného obstarávateľa v rozsahu požadovanej špecifikácie, v množstvách a lehotách špecifikovaných v čiastkových objednávkach na základe skutočných potrieb verejného obstarávateľa. Predmet zákazky verejný obstarávateľ požaduje vrátane prepravy a vyloženia v mieste plnenia. Súčasťou predmetu zákazky sú všetky, resp. akékoľvek  ďalšie náklady, ktoré sa môžu vyskytnúť v súvislosti s plnením predmetu zákazky (napr. balné).</t>
  </si>
  <si>
    <t>1.</t>
  </si>
  <si>
    <t>2.</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Požaduje sa dodanie tovaru:</t>
  </si>
  <si>
    <t>do štyridsiatich ôsmich (48) hodín od doručenia písomnej objednávky dodávateľovi,</t>
  </si>
  <si>
    <t>v pracovných dňoch (do termínu sa nezapočítavajú dni pracovného voľna, pracovného pokoja a štátne sviatky),</t>
  </si>
  <si>
    <t>v čase od 07:00 hod. do 14: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4.</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5.</t>
  </si>
  <si>
    <t xml:space="preserve">Požaduje sa v zmysle § 340b ods. 5 zákona č. 513/1991 Z.z. Obchodného zákonníka v znení neskorších predpisov splatnosť faktúry v lehote šesťdesiatich (60) kalendárnych dní odo dňa jej doručenia objednávateľovi. </t>
  </si>
  <si>
    <t>6.</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7.</t>
  </si>
  <si>
    <t>Objednávateľ zaplatí kúpnu cenu za objednaný a dodaný tovar na základe faktúry vystavenej dodávateľom po dodaní tovaru. Dodávateľ tovaru je povinný vystaviť faktúru za dodávku tovaru v súlade s ustanovením §73 zákona č. 222/2004 Z. z. o dani z pridanej hodnoty, najneskôr však do piateho (5) pracovného dňa v mesiaci, nasledujúcom po mesiaci, v ktorom došlo k dodania tovaru podľa uzatvorenej rámcovej dohody.</t>
  </si>
  <si>
    <t>8.</t>
  </si>
  <si>
    <t>Požaduje sa akceptovať, že platba za plnenie sa realizuje výlučne bezhotovostným platobným stykom na základe faktúry doručenej dodávateľom, a to vždy za riadne a včas poskytnuté plnenie. Objednávateľ je povinný zaslať faktúru elektronicky na e-mailovú adresu: podatelna@vusch.sk . Za deň splnenia peňažného záväzku sa považuje deň odpísania dlžnej sumy z účtu kupujúceho v prospech účtu predávajúceho.</t>
  </si>
  <si>
    <t>9.</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tejto rámcovej dohody.</t>
  </si>
  <si>
    <t>10.</t>
  </si>
  <si>
    <t>V prípade, ak sa po uzatvorení  rámcovej dohody preukáže, že na relevantnom trhu existuje cena (ďalej tiež ako "nižšia cena") za rovnaké alebo porovnateľné plnenie ako je obsiahnuté v uzatvorenej rámcovej dohode a dodávateľ už preukázateľne v minulosti za takúto nižšiu cenu plnenie poskytol, resp. ešte stále poskytuje, pričom rozdiel medzi nižšou cenou a cenou podľa uzatvorenej rámcovej dohody je viac ako 5% v neprospech ceny podľa uzatvorenej rámcovej dohody, zaväzuje sa dodávateľ poskytnúť objednávateľovi pre takéto plnenie objednané po preukázaní tejto skutočnosti dodatočnú zľavu vo výške rozdielu medzi ním poskytovanou cenou podľa uzatvorenej rámcovej dohody a nižšou cenou.</t>
  </si>
  <si>
    <t>10.1</t>
  </si>
  <si>
    <t>Dodávateľ je povinný bezodkladne, najneskôr však do piatich (5) pracovných dní od preukázania skutočnosti uvedenej v predchádzajúcom bode, doručiť objednávateľovi dodatok, predmetom ktorého bude upravená cena zistená podľa bodu 10. týchto zmluvných podmienok.</t>
  </si>
  <si>
    <t>11.</t>
  </si>
  <si>
    <t>V prípade, ak sa po uzatvorení rámcovej dohody preukáže, že na relevantnom trhu existuje nižšia cena za rovnaké alebo porovnateľné plnenie ako je obsiahnuté v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v 1-mesačnej výpovednej lehote. Výpovedná lehota začne plynúť prvým (1.) kalendárnym dňom mesiaca, nasledujúcom po mesiaci, v ktorom bola písomná výpoveď objednávateľa doručená dodávateľovi a skončí sa uplynutím posledného kalendárneho dňa príslušného mesiaca.</t>
  </si>
  <si>
    <t>12.</t>
  </si>
  <si>
    <t>Počas trvania rámcovej dohody si objednávateľ vyhradzuje právo rozšíriť, príp. zmeniť druh tovaru v rozsahu predmetu
obstarávania a to po vzájomnej dohode zmluvných strán, pričom zmluvný finančný objem tejto rámcovej dohody počas jej platnosti a účinnosti ostane nezmenený. 
Zmluvná cena tohto druhu tovaru bude určená, ako nižšia cena z nasledovných cien:
- z trhovej ceny, ktorá bude vypočítaná ako priemerná cena rovnakého typu tovaru od min. troch rôznych predajcov na trhu. Jedným z povinne oslovených predajcov v rámci prieskumu trhu bude dodávateľ. Prieskum trhu vykoná objednávateľ.
- z ponukovej ceny predloženej dodávateľom v prieskume trhu.</t>
  </si>
  <si>
    <t>13.</t>
  </si>
  <si>
    <t>V prípade, ak počas platnosti rámcovej dohody bude ukončená výroba niektorého z druhov tovaru je dodávateľ povinný
ponúknuť objednávateľovi plne funkčný tovar s rovnakými, resp. vyššími parametrami a vlastnosťami, aké mal tovar, ktorého výroba bola ukončená (ďalej len "náhradný tovar"). Táto skutočnosť musí byť doložená oficiálnym vyhlásením výrobcu. Cena náhradného tovaru nesmie byť vyššia ako cena pôvodného tovaru, ktorého výroba bola ukončená. Ak trhová cena náhradného tovaru bude v danom období nižšia ako cena pôvodného tovaru, platí spôsob určenia ceny uvedený v predchádzajúcom bode.</t>
  </si>
  <si>
    <t>14.</t>
  </si>
  <si>
    <t>V prípade, ak nastanú skutočnosti uvedené v bodoch 12. a 13. je dodávateľ povinný pred prvou dodávkou každého nového tovaru, resp. náhradného druhu tovaru doručiť objednávateľovi prospektový materiál a zároveň doručiť návrh dodatku, ktorého predmetom bude zmena rozsahu plnenia vrátane aktualizovaného štruktúrovaného rozpočtu ceny predmetu zákazky.</t>
  </si>
  <si>
    <t>15.</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mena názvu tovaru a pod.).</t>
  </si>
  <si>
    <t>16.</t>
  </si>
  <si>
    <t>Požaduje sa, aby dodávateľ v čase predloženia ponuky a zároveň počas trvania zmluvy bol oprávnený na poskytnutie plnenia predmetu zákazky.</t>
  </si>
  <si>
    <t>17.</t>
  </si>
  <si>
    <t>Požaduje sa možnosť uplatnenia si náhrady škody u dodávateľa vo výške vzniknutých finančných nákladov a/alebo možnosť vrátenia nespotrebovanej časti tovaru v prípade nedodržania požiadaviek uvedených v bodoch 9. - 14. týchto zmluvných podmienok.</t>
  </si>
  <si>
    <t>18.</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9.</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20.</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1.</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2.</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3</t>
  </si>
  <si>
    <t xml:space="preserve">Uzatvorenie rámcovej dohody na dohodnuté zmluvné obdobie 48 mesiacov, resp. do doby naplnenia zmluvného finančného objemu podľa toho, ktorá z uvedených skutočností nastane skôr. </t>
  </si>
  <si>
    <t>34928480-6  Kontajnery a nádoby na odpad a odpadky</t>
  </si>
  <si>
    <t xml:space="preserve">Kalkulácia ceny a návrh na plnenie kritéria na vyhodnotenie ponúk - Štruktúrovaný rozpočet ceny predmetu zákazky </t>
  </si>
  <si>
    <r>
      <rPr>
        <b/>
        <sz val="10"/>
        <color theme="1"/>
        <rFont val="Arial"/>
        <family val="2"/>
        <charset val="238"/>
      </rPr>
      <t>Funkčné vzorky</t>
    </r>
    <r>
      <rPr>
        <sz val="10"/>
        <color theme="1"/>
        <rFont val="Arial"/>
        <family val="2"/>
        <charset val="238"/>
      </rPr>
      <t xml:space="preserve"> v počte 3 až 5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right style="medium">
        <color auto="1"/>
      </right>
      <top style="thin">
        <color indexed="64"/>
      </top>
      <bottom style="thin">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medium">
        <color indexed="64"/>
      </bottom>
      <diagonal/>
    </border>
    <border>
      <left style="thin">
        <color indexed="64"/>
      </left>
      <right style="thin">
        <color indexed="64"/>
      </right>
      <top/>
      <bottom style="thin">
        <color indexed="64"/>
      </bottom>
      <diagonal/>
    </border>
    <border>
      <left/>
      <right/>
      <top style="thin">
        <color auto="1"/>
      </top>
      <bottom style="thin">
        <color auto="1"/>
      </bottom>
      <diagonal/>
    </border>
    <border>
      <left style="thin">
        <color auto="1"/>
      </left>
      <right style="thin">
        <color auto="1"/>
      </right>
      <top style="thin">
        <color auto="1"/>
      </top>
      <bottom style="dotted">
        <color auto="1"/>
      </bottom>
      <diagonal/>
    </border>
    <border>
      <left/>
      <right style="thin">
        <color auto="1"/>
      </right>
      <top style="thin">
        <color auto="1"/>
      </top>
      <bottom style="medium">
        <color auto="1"/>
      </bottom>
      <diagonal/>
    </border>
    <border>
      <left/>
      <right style="thin">
        <color indexed="64"/>
      </right>
      <top style="medium">
        <color auto="1"/>
      </top>
      <bottom style="thin">
        <color auto="1"/>
      </bottom>
      <diagonal/>
    </border>
    <border>
      <left style="thin">
        <color indexed="64"/>
      </left>
      <right/>
      <top style="medium">
        <color auto="1"/>
      </top>
      <bottom style="medium">
        <color auto="1"/>
      </bottom>
      <diagonal/>
    </border>
    <border>
      <left/>
      <right style="thin">
        <color auto="1"/>
      </right>
      <top style="medium">
        <color auto="1"/>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left" vertical="center" wrapText="1"/>
    </xf>
    <xf numFmtId="49" fontId="2" fillId="0" borderId="13"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4" xfId="0" applyFont="1" applyBorder="1" applyAlignment="1">
      <alignment vertical="center" wrapText="1"/>
    </xf>
    <xf numFmtId="0" fontId="2" fillId="0" borderId="14" xfId="0" applyFont="1" applyFill="1" applyBorder="1" applyAlignment="1">
      <alignment horizontal="center"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9"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0" fontId="7" fillId="0" borderId="26" xfId="0" applyNumberFormat="1" applyFont="1" applyBorder="1" applyAlignment="1">
      <alignment horizontal="center" vertical="center" wrapText="1"/>
    </xf>
    <xf numFmtId="0" fontId="7" fillId="0" borderId="14" xfId="0" applyNumberFormat="1" applyFont="1" applyBorder="1" applyAlignment="1">
      <alignment horizontal="center" vertical="center" wrapText="1"/>
    </xf>
    <xf numFmtId="49" fontId="5" fillId="5" borderId="16"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29" xfId="0" applyFont="1" applyBorder="1" applyAlignment="1">
      <alignment horizontal="center" vertical="center" wrapText="1"/>
    </xf>
    <xf numFmtId="0" fontId="4" fillId="0" borderId="29" xfId="0" applyFont="1" applyBorder="1" applyAlignment="1">
      <alignment horizontal="left" vertical="center" wrapText="1"/>
    </xf>
    <xf numFmtId="16" fontId="4" fillId="0" borderId="29" xfId="0" applyNumberFormat="1" applyFont="1" applyBorder="1" applyAlignment="1">
      <alignment horizontal="center" vertical="center" wrapText="1"/>
    </xf>
    <xf numFmtId="0" fontId="4" fillId="0" borderId="30" xfId="0" applyFont="1" applyBorder="1" applyAlignment="1">
      <alignment horizontal="left" vertical="center" wrapText="1"/>
    </xf>
    <xf numFmtId="16" fontId="4" fillId="0" borderId="29" xfId="0" applyNumberFormat="1" applyFont="1" applyBorder="1" applyAlignment="1">
      <alignment horizontal="right" vertical="center" wrapText="1"/>
    </xf>
    <xf numFmtId="0" fontId="4" fillId="0" borderId="29" xfId="0" applyFont="1" applyBorder="1" applyAlignment="1">
      <alignment horizontal="right" vertical="center" wrapText="1"/>
    </xf>
    <xf numFmtId="0" fontId="7" fillId="0" borderId="31" xfId="0" applyNumberFormat="1" applyFont="1" applyBorder="1" applyAlignment="1">
      <alignment horizontal="center" vertical="center" wrapText="1"/>
    </xf>
    <xf numFmtId="0" fontId="10" fillId="0" borderId="0" xfId="0" applyFont="1" applyAlignment="1">
      <alignment vertical="center" wrapText="1"/>
    </xf>
    <xf numFmtId="0" fontId="4" fillId="0" borderId="0" xfId="0" applyNumberFormat="1" applyFont="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0" borderId="0" xfId="0" applyNumberFormat="1" applyFont="1" applyFill="1" applyAlignment="1">
      <alignment horizontal="left" vertical="center" wrapText="1"/>
    </xf>
    <xf numFmtId="0" fontId="8" fillId="0" borderId="0" xfId="0" applyFont="1" applyFill="1" applyAlignment="1">
      <alignment horizontal="left" vertical="center" wrapText="1"/>
    </xf>
    <xf numFmtId="49" fontId="5" fillId="5" borderId="16" xfId="0" applyNumberFormat="1" applyFont="1" applyFill="1" applyBorder="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0" fillId="0" borderId="0" xfId="0" applyFont="1" applyFill="1" applyAlignment="1">
      <alignment vertical="center" wrapText="1"/>
    </xf>
    <xf numFmtId="0" fontId="4" fillId="0" borderId="33" xfId="0" applyFont="1" applyBorder="1" applyAlignment="1">
      <alignment horizontal="left" vertical="center" wrapText="1"/>
    </xf>
    <xf numFmtId="16" fontId="4" fillId="0" borderId="30" xfId="0" applyNumberFormat="1" applyFont="1" applyBorder="1" applyAlignment="1">
      <alignment horizontal="center" vertical="center" wrapText="1"/>
    </xf>
    <xf numFmtId="0" fontId="7" fillId="0" borderId="34" xfId="0" applyNumberFormat="1" applyFont="1" applyBorder="1" applyAlignment="1">
      <alignment horizontal="center" vertical="center" wrapText="1"/>
    </xf>
    <xf numFmtId="0" fontId="10" fillId="0" borderId="0" xfId="0" applyFont="1" applyBorder="1" applyAlignment="1">
      <alignment vertical="center" wrapText="1"/>
    </xf>
    <xf numFmtId="0" fontId="13" fillId="0" borderId="0" xfId="0" applyFont="1" applyBorder="1" applyAlignment="1">
      <alignment vertical="center" wrapText="1"/>
    </xf>
    <xf numFmtId="16" fontId="10" fillId="0" borderId="0" xfId="0" applyNumberFormat="1" applyFont="1" applyFill="1" applyAlignment="1">
      <alignment horizontal="left" wrapText="1"/>
    </xf>
    <xf numFmtId="0" fontId="13" fillId="0" borderId="0" xfId="0" applyFont="1" applyAlignment="1">
      <alignment vertical="center" wrapText="1"/>
    </xf>
    <xf numFmtId="0" fontId="10" fillId="0" borderId="0" xfId="0" applyFont="1" applyAlignment="1">
      <alignment vertical="top" wrapText="1"/>
    </xf>
    <xf numFmtId="0" fontId="13" fillId="0" borderId="0" xfId="0" applyFont="1" applyFill="1" applyAlignment="1">
      <alignment vertical="center" wrapText="1"/>
    </xf>
    <xf numFmtId="16" fontId="13" fillId="0" borderId="0" xfId="0" applyNumberFormat="1" applyFont="1" applyFill="1" applyAlignment="1">
      <alignment vertical="top" wrapText="1"/>
    </xf>
    <xf numFmtId="16" fontId="5" fillId="0" borderId="0" xfId="0" applyNumberFormat="1" applyFont="1" applyFill="1" applyAlignment="1">
      <alignment vertical="center" wrapText="1"/>
    </xf>
    <xf numFmtId="49" fontId="2" fillId="0" borderId="8"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3" fontId="4" fillId="0" borderId="14" xfId="0" applyNumberFormat="1" applyFont="1" applyBorder="1" applyAlignment="1">
      <alignment horizontal="center" vertical="center" wrapText="1"/>
    </xf>
    <xf numFmtId="49" fontId="5" fillId="5" borderId="11" xfId="0" applyNumberFormat="1" applyFont="1" applyFill="1" applyBorder="1" applyAlignment="1">
      <alignment horizontal="left" vertical="center" wrapText="1"/>
    </xf>
    <xf numFmtId="49" fontId="5" fillId="5" borderId="16" xfId="0" applyNumberFormat="1" applyFont="1" applyFill="1" applyBorder="1" applyAlignment="1">
      <alignment horizontal="left" vertical="center" wrapText="1"/>
    </xf>
    <xf numFmtId="0" fontId="4" fillId="0" borderId="5" xfId="0" applyFont="1" applyFill="1" applyBorder="1" applyAlignment="1">
      <alignment vertical="center" wrapText="1"/>
    </xf>
    <xf numFmtId="0" fontId="4" fillId="0" borderId="6" xfId="0" applyFont="1" applyFill="1" applyBorder="1" applyAlignment="1">
      <alignmen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14" xfId="0" applyNumberFormat="1" applyFont="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5" fillId="0" borderId="0" xfId="0" applyNumberFormat="1" applyFont="1" applyAlignment="1">
      <alignment horizontal="left" vertical="top" wrapText="1"/>
    </xf>
    <xf numFmtId="0" fontId="4" fillId="0" borderId="0" xfId="0"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32"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32" xfId="0" applyFont="1" applyFill="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Alignment="1">
      <alignment horizontal="center" vertical="center" wrapText="1"/>
    </xf>
    <xf numFmtId="0" fontId="3" fillId="0" borderId="0" xfId="0" applyFont="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2" fillId="2" borderId="22"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2" xfId="0" applyFont="1" applyFill="1" applyBorder="1" applyAlignment="1">
      <alignment horizontal="left" vertical="center" wrapText="1"/>
    </xf>
    <xf numFmtId="0" fontId="2" fillId="0" borderId="4" xfId="0" applyFont="1" applyFill="1" applyBorder="1" applyAlignment="1">
      <alignment horizontal="left" vertical="center" wrapText="1"/>
    </xf>
    <xf numFmtId="0" fontId="12" fillId="0" borderId="7" xfId="0" applyFont="1" applyBorder="1" applyAlignment="1">
      <alignment horizontal="center"/>
    </xf>
    <xf numFmtId="0" fontId="2" fillId="0" borderId="36"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4" fillId="0" borderId="23"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2" fillId="6" borderId="5" xfId="0" applyFont="1" applyFill="1" applyBorder="1" applyAlignment="1">
      <alignment horizontal="left" vertical="center" wrapText="1"/>
    </xf>
    <xf numFmtId="0" fontId="2" fillId="6" borderId="6"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4</xdr:row>
          <xdr:rowOff>38100</xdr:rowOff>
        </xdr:from>
        <xdr:to>
          <xdr:col>0</xdr:col>
          <xdr:colOff>533400</xdr:colOff>
          <xdr:row>35</xdr:row>
          <xdr:rowOff>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5</xdr:row>
          <xdr:rowOff>0</xdr:rowOff>
        </xdr:from>
        <xdr:to>
          <xdr:col>0</xdr:col>
          <xdr:colOff>533400</xdr:colOff>
          <xdr:row>35</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G200"/>
  <sheetViews>
    <sheetView showGridLines="0" tabSelected="1" topLeftCell="A163" zoomScale="90" zoomScaleNormal="90" workbookViewId="0">
      <selection sqref="A1:F1"/>
    </sheetView>
  </sheetViews>
  <sheetFormatPr defaultColWidth="9.140625" defaultRowHeight="12.75" x14ac:dyDescent="0.2"/>
  <cols>
    <col min="1" max="1" width="11.28515625" style="1" customWidth="1"/>
    <col min="2" max="2" width="70.42578125" style="1" customWidth="1"/>
    <col min="3" max="3" width="24.5703125" style="1" customWidth="1"/>
    <col min="4" max="4" width="16.42578125" style="8" customWidth="1"/>
    <col min="5" max="5" width="13.7109375" style="8" customWidth="1"/>
    <col min="6" max="6" width="67.140625" style="2" customWidth="1"/>
    <col min="7" max="7" width="18.140625" style="1" customWidth="1"/>
    <col min="8" max="8" width="13.140625" style="1" customWidth="1"/>
    <col min="9" max="9" width="9.140625" style="1" customWidth="1"/>
    <col min="10" max="16384" width="9.140625" style="1"/>
  </cols>
  <sheetData>
    <row r="1" spans="1:6" ht="24" customHeight="1" x14ac:dyDescent="0.2">
      <c r="A1" s="121" t="s">
        <v>45</v>
      </c>
      <c r="B1" s="121"/>
      <c r="C1" s="121"/>
      <c r="D1" s="121"/>
      <c r="E1" s="121"/>
      <c r="F1" s="121"/>
    </row>
    <row r="2" spans="1:6" ht="27.75" customHeight="1" x14ac:dyDescent="0.2">
      <c r="A2" s="120" t="s">
        <v>43</v>
      </c>
      <c r="B2" s="120"/>
      <c r="C2" s="120"/>
      <c r="D2" s="120"/>
      <c r="E2" s="120"/>
      <c r="F2" s="120"/>
    </row>
    <row r="3" spans="1:6" ht="56.1" customHeight="1" x14ac:dyDescent="0.2">
      <c r="A3" s="97" t="s">
        <v>49</v>
      </c>
      <c r="B3" s="97"/>
      <c r="C3" s="97"/>
      <c r="D3" s="97"/>
      <c r="E3" s="97"/>
      <c r="F3" s="97"/>
    </row>
    <row r="4" spans="1:6" ht="24.95" customHeight="1" x14ac:dyDescent="0.2">
      <c r="A4" s="45" t="s">
        <v>48</v>
      </c>
      <c r="B4" s="52"/>
      <c r="C4" s="70"/>
      <c r="D4" s="41"/>
      <c r="E4" s="41"/>
      <c r="F4" s="41"/>
    </row>
    <row r="5" spans="1:6" ht="24.95" customHeight="1" x14ac:dyDescent="0.2">
      <c r="A5" s="45" t="s">
        <v>46</v>
      </c>
      <c r="B5" s="53"/>
      <c r="C5" s="71"/>
      <c r="D5" s="41"/>
      <c r="E5" s="41"/>
      <c r="F5" s="41"/>
    </row>
    <row r="6" spans="1:6" ht="5.0999999999999996" customHeight="1" x14ac:dyDescent="0.2">
      <c r="A6" s="41"/>
      <c r="B6" s="41"/>
      <c r="C6" s="41"/>
      <c r="D6" s="41"/>
      <c r="E6" s="41"/>
      <c r="F6" s="41"/>
    </row>
    <row r="7" spans="1:6" s="2" customFormat="1" ht="20.100000000000001" customHeight="1" x14ac:dyDescent="0.25">
      <c r="A7" s="98" t="s">
        <v>4</v>
      </c>
      <c r="B7" s="98"/>
      <c r="C7" s="98"/>
      <c r="D7" s="98"/>
      <c r="E7" s="98"/>
      <c r="F7" s="98"/>
    </row>
    <row r="8" spans="1:6" s="2" customFormat="1" ht="20.100000000000001" customHeight="1" x14ac:dyDescent="0.25">
      <c r="A8" s="99" t="s">
        <v>8</v>
      </c>
      <c r="B8" s="99"/>
      <c r="C8" s="99"/>
      <c r="D8" s="99"/>
      <c r="E8" s="99"/>
      <c r="F8" s="99"/>
    </row>
    <row r="9" spans="1:6" ht="24.95" customHeight="1" x14ac:dyDescent="0.2">
      <c r="A9" s="100" t="s">
        <v>62</v>
      </c>
      <c r="B9" s="100"/>
      <c r="C9" s="100"/>
      <c r="D9" s="100"/>
      <c r="E9" s="100"/>
      <c r="F9" s="100"/>
    </row>
    <row r="10" spans="1:6" ht="4.5" customHeight="1" x14ac:dyDescent="0.2">
      <c r="A10" s="43"/>
      <c r="B10" s="43"/>
      <c r="C10" s="64"/>
      <c r="D10" s="43"/>
      <c r="E10" s="43"/>
      <c r="F10" s="43"/>
    </row>
    <row r="11" spans="1:6" s="2" customFormat="1" ht="29.25" customHeight="1" x14ac:dyDescent="0.25">
      <c r="A11" s="83" t="s">
        <v>9</v>
      </c>
      <c r="B11" s="42"/>
      <c r="C11" s="42"/>
      <c r="D11" s="42"/>
      <c r="E11" s="82"/>
      <c r="F11" s="42"/>
    </row>
    <row r="12" spans="1:6" s="2" customFormat="1" ht="24.95" customHeight="1" x14ac:dyDescent="0.2">
      <c r="A12" s="101" t="s">
        <v>220</v>
      </c>
      <c r="B12" s="101"/>
      <c r="C12" s="101"/>
      <c r="D12" s="101"/>
      <c r="E12" s="78"/>
      <c r="F12" s="17"/>
    </row>
    <row r="13" spans="1:6" s="3" customFormat="1" ht="20.100000000000001" customHeight="1" x14ac:dyDescent="0.25">
      <c r="A13" s="101" t="s">
        <v>24</v>
      </c>
      <c r="B13" s="101"/>
      <c r="C13" s="101"/>
      <c r="D13" s="101"/>
      <c r="E13" s="23"/>
      <c r="F13" s="24"/>
    </row>
    <row r="14" spans="1:6" ht="4.5" customHeight="1" x14ac:dyDescent="0.2">
      <c r="A14" s="43"/>
      <c r="B14" s="43"/>
      <c r="C14" s="64"/>
      <c r="D14" s="43"/>
      <c r="E14" s="43"/>
      <c r="F14" s="43"/>
    </row>
    <row r="15" spans="1:6" x14ac:dyDescent="0.2">
      <c r="A15" s="42" t="s">
        <v>10</v>
      </c>
      <c r="B15" s="25"/>
      <c r="C15" s="25"/>
      <c r="D15" s="25"/>
      <c r="E15" s="26"/>
      <c r="F15" s="26"/>
    </row>
    <row r="16" spans="1:6" s="3" customFormat="1" ht="24.95" customHeight="1" x14ac:dyDescent="0.25">
      <c r="A16" s="118" t="s">
        <v>52</v>
      </c>
      <c r="B16" s="118"/>
      <c r="C16" s="118"/>
      <c r="D16" s="118"/>
      <c r="E16" s="23"/>
      <c r="F16" s="24"/>
    </row>
    <row r="17" spans="1:7" ht="5.0999999999999996" customHeight="1" x14ac:dyDescent="0.2">
      <c r="A17" s="119"/>
      <c r="B17" s="119"/>
      <c r="C17" s="119"/>
      <c r="D17" s="119"/>
      <c r="F17" s="18"/>
    </row>
    <row r="18" spans="1:7" s="2" customFormat="1" ht="20.100000000000001" customHeight="1" x14ac:dyDescent="0.25">
      <c r="A18" s="98" t="s">
        <v>21</v>
      </c>
      <c r="B18" s="98"/>
      <c r="C18" s="98"/>
      <c r="D18" s="98"/>
      <c r="E18" s="98"/>
      <c r="F18" s="98"/>
    </row>
    <row r="19" spans="1:7" ht="39.75" customHeight="1" x14ac:dyDescent="0.2">
      <c r="A19" s="101" t="s">
        <v>168</v>
      </c>
      <c r="B19" s="101"/>
      <c r="C19" s="101"/>
      <c r="D19" s="101"/>
      <c r="E19" s="101"/>
      <c r="F19" s="101"/>
    </row>
    <row r="20" spans="1:7" ht="5.0999999999999996" customHeight="1" x14ac:dyDescent="0.2">
      <c r="A20" s="119"/>
      <c r="B20" s="119"/>
      <c r="C20" s="119"/>
      <c r="D20" s="119"/>
      <c r="F20" s="18"/>
    </row>
    <row r="21" spans="1:7" s="2" customFormat="1" ht="20.100000000000001" customHeight="1" x14ac:dyDescent="0.25">
      <c r="A21" s="98" t="s">
        <v>22</v>
      </c>
      <c r="B21" s="98"/>
      <c r="C21" s="98"/>
      <c r="D21" s="98"/>
      <c r="E21" s="98"/>
      <c r="F21" s="98"/>
    </row>
    <row r="22" spans="1:7" s="9" customFormat="1" ht="20.100000000000001" customHeight="1" x14ac:dyDescent="0.25">
      <c r="A22" s="111" t="s">
        <v>5</v>
      </c>
      <c r="B22" s="111"/>
      <c r="C22" s="111"/>
      <c r="D22" s="111"/>
      <c r="E22" s="111"/>
      <c r="F22" s="111"/>
    </row>
    <row r="23" spans="1:7" s="9" customFormat="1" ht="20.100000000000001" customHeight="1" x14ac:dyDescent="0.25">
      <c r="A23" s="116" t="s">
        <v>16</v>
      </c>
      <c r="B23" s="117"/>
      <c r="C23" s="68"/>
      <c r="D23" s="16"/>
      <c r="E23" s="16"/>
      <c r="F23" s="16"/>
    </row>
    <row r="24" spans="1:7" s="9" customFormat="1" ht="20.100000000000001" customHeight="1" x14ac:dyDescent="0.25">
      <c r="A24" s="15"/>
      <c r="B24" s="15" t="s">
        <v>19</v>
      </c>
      <c r="C24" s="15"/>
      <c r="D24" s="16"/>
      <c r="E24" s="16"/>
      <c r="F24" s="16"/>
    </row>
    <row r="25" spans="1:7" s="9" customFormat="1" ht="20.100000000000001" customHeight="1" x14ac:dyDescent="0.25">
      <c r="A25" s="15"/>
      <c r="B25" s="15" t="s">
        <v>20</v>
      </c>
      <c r="C25" s="15"/>
      <c r="D25" s="16"/>
      <c r="E25" s="16"/>
      <c r="F25" s="16"/>
    </row>
    <row r="26" spans="1:7" s="9" customFormat="1" ht="20.100000000000001" customHeight="1" x14ac:dyDescent="0.25">
      <c r="A26" s="116" t="s">
        <v>17</v>
      </c>
      <c r="B26" s="117"/>
      <c r="C26" s="68"/>
      <c r="D26" s="16"/>
      <c r="E26" s="16"/>
      <c r="F26" s="16"/>
    </row>
    <row r="27" spans="1:7" s="9" customFormat="1" ht="31.5" customHeight="1" x14ac:dyDescent="0.25">
      <c r="A27" s="21" t="s">
        <v>60</v>
      </c>
      <c r="B27" s="112" t="s">
        <v>12</v>
      </c>
      <c r="C27" s="113"/>
      <c r="D27" s="114"/>
      <c r="E27" s="22" t="s">
        <v>11</v>
      </c>
      <c r="F27" s="22" t="s">
        <v>13</v>
      </c>
      <c r="G27" s="81"/>
    </row>
    <row r="28" spans="1:7" s="9" customFormat="1" ht="38.25" customHeight="1" x14ac:dyDescent="0.25">
      <c r="A28" s="19" t="s">
        <v>61</v>
      </c>
      <c r="B28" s="91" t="s">
        <v>163</v>
      </c>
      <c r="C28" s="115"/>
      <c r="D28" s="92"/>
      <c r="E28" s="20" t="s">
        <v>1</v>
      </c>
      <c r="F28" s="86">
        <v>737</v>
      </c>
      <c r="G28" s="72"/>
    </row>
    <row r="29" spans="1:7" s="9" customFormat="1" ht="24.95" customHeight="1" x14ac:dyDescent="0.25">
      <c r="A29" s="19" t="s">
        <v>63</v>
      </c>
      <c r="B29" s="91" t="s">
        <v>164</v>
      </c>
      <c r="C29" s="115"/>
      <c r="D29" s="92"/>
      <c r="E29" s="20" t="s">
        <v>1</v>
      </c>
      <c r="F29" s="86">
        <v>12854</v>
      </c>
    </row>
    <row r="30" spans="1:7" s="9" customFormat="1" ht="24.95" customHeight="1" x14ac:dyDescent="0.25">
      <c r="A30" s="19" t="s">
        <v>64</v>
      </c>
      <c r="B30" s="91" t="s">
        <v>165</v>
      </c>
      <c r="C30" s="115"/>
      <c r="D30" s="92"/>
      <c r="E30" s="20" t="s">
        <v>1</v>
      </c>
      <c r="F30" s="86">
        <v>9867</v>
      </c>
    </row>
    <row r="31" spans="1:7" s="9" customFormat="1" ht="24.95" customHeight="1" x14ac:dyDescent="0.25">
      <c r="A31" s="19" t="s">
        <v>65</v>
      </c>
      <c r="B31" s="91" t="s">
        <v>166</v>
      </c>
      <c r="C31" s="115"/>
      <c r="D31" s="92"/>
      <c r="E31" s="20" t="s">
        <v>1</v>
      </c>
      <c r="F31" s="86">
        <v>11121</v>
      </c>
    </row>
    <row r="32" spans="1:7" s="9" customFormat="1" ht="24.95" customHeight="1" x14ac:dyDescent="0.25">
      <c r="A32" s="19" t="s">
        <v>66</v>
      </c>
      <c r="B32" s="91" t="s">
        <v>167</v>
      </c>
      <c r="C32" s="115"/>
      <c r="D32" s="92"/>
      <c r="E32" s="20" t="s">
        <v>1</v>
      </c>
      <c r="F32" s="86">
        <v>9676</v>
      </c>
    </row>
    <row r="33" spans="1:7" s="9" customFormat="1" ht="4.5" customHeight="1" x14ac:dyDescent="0.25">
      <c r="A33" s="16"/>
      <c r="B33" s="16"/>
      <c r="C33" s="67"/>
      <c r="D33" s="16"/>
      <c r="E33" s="16"/>
      <c r="F33" s="16"/>
    </row>
    <row r="34" spans="1:7" s="9" customFormat="1" ht="20.100000000000001" customHeight="1" x14ac:dyDescent="0.25">
      <c r="A34" s="116" t="s">
        <v>18</v>
      </c>
      <c r="B34" s="117"/>
      <c r="C34" s="68"/>
      <c r="D34" s="16"/>
      <c r="E34" s="16"/>
      <c r="F34" s="16"/>
    </row>
    <row r="35" spans="1:7" s="9" customFormat="1" ht="20.100000000000001" customHeight="1" x14ac:dyDescent="0.2">
      <c r="A35" s="10"/>
      <c r="B35" s="9" t="s">
        <v>2</v>
      </c>
      <c r="D35" s="16"/>
      <c r="E35" s="16"/>
      <c r="F35" s="16"/>
    </row>
    <row r="36" spans="1:7" s="9" customFormat="1" ht="20.100000000000001" customHeight="1" x14ac:dyDescent="0.25">
      <c r="A36" s="15"/>
      <c r="B36" s="2" t="s">
        <v>3</v>
      </c>
      <c r="C36" s="2"/>
      <c r="D36" s="16"/>
      <c r="E36" s="16"/>
      <c r="F36" s="16"/>
    </row>
    <row r="37" spans="1:7" ht="5.0999999999999996" customHeight="1" x14ac:dyDescent="0.2"/>
    <row r="38" spans="1:7" s="2" customFormat="1" ht="20.100000000000001" customHeight="1" x14ac:dyDescent="0.25">
      <c r="A38" s="98" t="s">
        <v>23</v>
      </c>
      <c r="B38" s="98"/>
      <c r="C38" s="98"/>
      <c r="D38" s="98"/>
      <c r="E38" s="98"/>
      <c r="F38" s="98"/>
    </row>
    <row r="39" spans="1:7" s="2" customFormat="1" ht="5.0999999999999996" customHeight="1" thickBot="1" x14ac:dyDescent="0.3">
      <c r="A39" s="18"/>
      <c r="D39" s="6"/>
      <c r="E39" s="6"/>
      <c r="F39" s="6"/>
    </row>
    <row r="40" spans="1:7" s="3" customFormat="1" ht="93" customHeight="1" x14ac:dyDescent="0.25">
      <c r="A40" s="102" t="s">
        <v>0</v>
      </c>
      <c r="B40" s="103"/>
      <c r="C40" s="65"/>
      <c r="D40" s="106" t="s">
        <v>25</v>
      </c>
      <c r="E40" s="107"/>
      <c r="F40" s="108"/>
      <c r="G40" s="27"/>
    </row>
    <row r="41" spans="1:7" s="3" customFormat="1" ht="30" customHeight="1" thickBot="1" x14ac:dyDescent="0.3">
      <c r="A41" s="104"/>
      <c r="B41" s="105"/>
      <c r="C41" s="66"/>
      <c r="D41" s="28" t="s">
        <v>26</v>
      </c>
      <c r="E41" s="109" t="s">
        <v>27</v>
      </c>
      <c r="F41" s="110"/>
    </row>
    <row r="42" spans="1:7" s="29" customFormat="1" ht="30.75" customHeight="1" x14ac:dyDescent="0.25">
      <c r="A42" s="87" t="s">
        <v>67</v>
      </c>
      <c r="B42" s="88"/>
      <c r="C42" s="69"/>
      <c r="D42" s="48"/>
      <c r="E42" s="48"/>
      <c r="F42" s="49"/>
      <c r="G42" s="63"/>
    </row>
    <row r="43" spans="1:7" s="4" customFormat="1" ht="24.95" customHeight="1" x14ac:dyDescent="0.25">
      <c r="A43" s="56" t="s">
        <v>68</v>
      </c>
      <c r="B43" s="57" t="s">
        <v>106</v>
      </c>
      <c r="C43" s="73" t="s">
        <v>101</v>
      </c>
      <c r="D43" s="51"/>
      <c r="E43" s="93"/>
      <c r="F43" s="94"/>
      <c r="G43" s="63"/>
    </row>
    <row r="44" spans="1:7" s="4" customFormat="1" ht="24.95" customHeight="1" x14ac:dyDescent="0.25">
      <c r="A44" s="56" t="s">
        <v>69</v>
      </c>
      <c r="B44" s="57" t="s">
        <v>70</v>
      </c>
      <c r="C44" s="57"/>
      <c r="D44" s="51"/>
      <c r="E44" s="93"/>
      <c r="F44" s="94"/>
    </row>
    <row r="45" spans="1:7" s="4" customFormat="1" ht="24.95" customHeight="1" x14ac:dyDescent="0.25">
      <c r="A45" s="61" t="s">
        <v>71</v>
      </c>
      <c r="B45" s="57" t="s">
        <v>72</v>
      </c>
      <c r="C45" s="57" t="s">
        <v>102</v>
      </c>
      <c r="D45" s="51"/>
      <c r="E45" s="93"/>
      <c r="F45" s="94"/>
    </row>
    <row r="46" spans="1:7" s="4" customFormat="1" ht="24.95" customHeight="1" x14ac:dyDescent="0.25">
      <c r="A46" s="61" t="s">
        <v>73</v>
      </c>
      <c r="B46" s="57" t="s">
        <v>74</v>
      </c>
      <c r="C46" s="57" t="s">
        <v>103</v>
      </c>
      <c r="D46" s="51"/>
      <c r="E46" s="93"/>
      <c r="F46" s="94"/>
    </row>
    <row r="47" spans="1:7" s="4" customFormat="1" ht="24.95" customHeight="1" x14ac:dyDescent="0.25">
      <c r="A47" s="58" t="s">
        <v>75</v>
      </c>
      <c r="B47" s="57" t="s">
        <v>76</v>
      </c>
      <c r="C47" s="57" t="s">
        <v>104</v>
      </c>
      <c r="D47" s="51"/>
      <c r="E47" s="93"/>
      <c r="F47" s="94"/>
    </row>
    <row r="48" spans="1:7" s="4" customFormat="1" ht="24.95" customHeight="1" x14ac:dyDescent="0.25">
      <c r="A48" s="58" t="s">
        <v>77</v>
      </c>
      <c r="B48" s="57" t="s">
        <v>78</v>
      </c>
      <c r="C48" s="57"/>
      <c r="D48" s="51"/>
      <c r="E48" s="93"/>
      <c r="F48" s="94"/>
    </row>
    <row r="49" spans="1:6" s="4" customFormat="1" ht="24.95" customHeight="1" x14ac:dyDescent="0.25">
      <c r="A49" s="58" t="s">
        <v>79</v>
      </c>
      <c r="B49" s="57" t="s">
        <v>80</v>
      </c>
      <c r="C49" s="57"/>
      <c r="D49" s="51"/>
      <c r="E49" s="93"/>
      <c r="F49" s="94"/>
    </row>
    <row r="50" spans="1:6" s="4" customFormat="1" ht="30" customHeight="1" x14ac:dyDescent="0.25">
      <c r="A50" s="58" t="s">
        <v>81</v>
      </c>
      <c r="B50" s="57" t="s">
        <v>82</v>
      </c>
      <c r="C50" s="57"/>
      <c r="D50" s="51"/>
      <c r="E50" s="93"/>
      <c r="F50" s="94"/>
    </row>
    <row r="51" spans="1:6" s="4" customFormat="1" ht="24.95" customHeight="1" x14ac:dyDescent="0.25">
      <c r="A51" s="58" t="s">
        <v>83</v>
      </c>
      <c r="B51" s="57" t="s">
        <v>84</v>
      </c>
      <c r="C51" s="57"/>
      <c r="D51" s="51"/>
      <c r="E51" s="93"/>
      <c r="F51" s="94"/>
    </row>
    <row r="52" spans="1:6" s="4" customFormat="1" ht="24.95" customHeight="1" x14ac:dyDescent="0.25">
      <c r="A52" s="58" t="s">
        <v>85</v>
      </c>
      <c r="B52" s="57" t="s">
        <v>86</v>
      </c>
      <c r="C52" s="57"/>
      <c r="D52" s="51"/>
      <c r="E52" s="93"/>
      <c r="F52" s="94"/>
    </row>
    <row r="53" spans="1:6" s="4" customFormat="1" ht="24.95" customHeight="1" x14ac:dyDescent="0.25">
      <c r="A53" s="58" t="s">
        <v>87</v>
      </c>
      <c r="B53" s="57" t="s">
        <v>88</v>
      </c>
      <c r="C53" s="57"/>
      <c r="D53" s="51"/>
      <c r="E53" s="93"/>
      <c r="F53" s="94"/>
    </row>
    <row r="54" spans="1:6" s="4" customFormat="1" ht="24.95" customHeight="1" x14ac:dyDescent="0.25">
      <c r="A54" s="60" t="s">
        <v>89</v>
      </c>
      <c r="B54" s="57" t="s">
        <v>90</v>
      </c>
      <c r="C54" s="57"/>
      <c r="D54" s="51"/>
      <c r="E54" s="93"/>
      <c r="F54" s="94"/>
    </row>
    <row r="55" spans="1:6" s="4" customFormat="1" ht="24.95" customHeight="1" x14ac:dyDescent="0.25">
      <c r="A55" s="60" t="s">
        <v>91</v>
      </c>
      <c r="B55" s="57" t="s">
        <v>92</v>
      </c>
      <c r="C55" s="57"/>
      <c r="D55" s="51"/>
      <c r="E55" s="93"/>
      <c r="F55" s="94"/>
    </row>
    <row r="56" spans="1:6" s="4" customFormat="1" ht="24.95" customHeight="1" x14ac:dyDescent="0.25">
      <c r="A56" s="58" t="s">
        <v>93</v>
      </c>
      <c r="B56" s="57" t="s">
        <v>94</v>
      </c>
      <c r="C56" s="57"/>
      <c r="D56" s="51"/>
      <c r="E56" s="93"/>
      <c r="F56" s="94"/>
    </row>
    <row r="57" spans="1:6" s="4" customFormat="1" ht="40.5" customHeight="1" x14ac:dyDescent="0.25">
      <c r="A57" s="60" t="s">
        <v>89</v>
      </c>
      <c r="B57" s="57" t="s">
        <v>95</v>
      </c>
      <c r="C57" s="57"/>
      <c r="D57" s="51"/>
      <c r="E57" s="93"/>
      <c r="F57" s="94"/>
    </row>
    <row r="58" spans="1:6" s="4" customFormat="1" ht="57" customHeight="1" x14ac:dyDescent="0.25">
      <c r="A58" s="60" t="s">
        <v>91</v>
      </c>
      <c r="B58" s="57" t="s">
        <v>96</v>
      </c>
      <c r="C58" s="57"/>
      <c r="D58" s="51"/>
      <c r="E58" s="93"/>
      <c r="F58" s="94"/>
    </row>
    <row r="59" spans="1:6" s="4" customFormat="1" ht="35.25" customHeight="1" x14ac:dyDescent="0.25">
      <c r="A59" s="58" t="s">
        <v>97</v>
      </c>
      <c r="B59" s="57" t="s">
        <v>98</v>
      </c>
      <c r="C59" s="57"/>
      <c r="D59" s="51"/>
      <c r="E59" s="93"/>
      <c r="F59" s="94"/>
    </row>
    <row r="60" spans="1:6" s="4" customFormat="1" ht="43.5" customHeight="1" thickBot="1" x14ac:dyDescent="0.3">
      <c r="A60" s="58" t="s">
        <v>99</v>
      </c>
      <c r="B60" s="57" t="s">
        <v>100</v>
      </c>
      <c r="C60" s="57"/>
      <c r="D60" s="51"/>
      <c r="E60" s="93"/>
      <c r="F60" s="94"/>
    </row>
    <row r="61" spans="1:6" s="29" customFormat="1" ht="30.75" customHeight="1" x14ac:dyDescent="0.25">
      <c r="A61" s="87" t="s">
        <v>105</v>
      </c>
      <c r="B61" s="88"/>
      <c r="C61" s="69"/>
      <c r="D61" s="48"/>
      <c r="E61" s="48"/>
      <c r="F61" s="49"/>
    </row>
    <row r="62" spans="1:6" s="4" customFormat="1" ht="24.95" customHeight="1" x14ac:dyDescent="0.25">
      <c r="A62" s="56" t="s">
        <v>107</v>
      </c>
      <c r="B62" s="57" t="s">
        <v>106</v>
      </c>
      <c r="C62" s="73" t="s">
        <v>121</v>
      </c>
      <c r="D62" s="51"/>
      <c r="E62" s="93"/>
      <c r="F62" s="94"/>
    </row>
    <row r="63" spans="1:6" s="4" customFormat="1" ht="24.95" customHeight="1" x14ac:dyDescent="0.25">
      <c r="A63" s="56" t="s">
        <v>108</v>
      </c>
      <c r="B63" s="57" t="s">
        <v>70</v>
      </c>
      <c r="C63" s="57"/>
      <c r="D63" s="51"/>
      <c r="E63" s="93"/>
      <c r="F63" s="94"/>
    </row>
    <row r="64" spans="1:6" s="4" customFormat="1" ht="24.95" customHeight="1" x14ac:dyDescent="0.25">
      <c r="A64" s="61" t="s">
        <v>109</v>
      </c>
      <c r="B64" s="57" t="s">
        <v>72</v>
      </c>
      <c r="C64" s="57" t="s">
        <v>122</v>
      </c>
      <c r="D64" s="51"/>
      <c r="E64" s="93"/>
      <c r="F64" s="94"/>
    </row>
    <row r="65" spans="1:6" s="4" customFormat="1" ht="24.95" customHeight="1" x14ac:dyDescent="0.25">
      <c r="A65" s="61" t="s">
        <v>110</v>
      </c>
      <c r="B65" s="57" t="s">
        <v>74</v>
      </c>
      <c r="C65" s="57" t="s">
        <v>123</v>
      </c>
      <c r="D65" s="51"/>
      <c r="E65" s="93"/>
      <c r="F65" s="94"/>
    </row>
    <row r="66" spans="1:6" s="4" customFormat="1" ht="24.95" customHeight="1" x14ac:dyDescent="0.25">
      <c r="A66" s="58" t="s">
        <v>111</v>
      </c>
      <c r="B66" s="57" t="s">
        <v>76</v>
      </c>
      <c r="C66" s="57" t="s">
        <v>124</v>
      </c>
      <c r="D66" s="51"/>
      <c r="E66" s="93"/>
      <c r="F66" s="94"/>
    </row>
    <row r="67" spans="1:6" s="4" customFormat="1" ht="24.95" customHeight="1" x14ac:dyDescent="0.25">
      <c r="A67" s="58" t="s">
        <v>112</v>
      </c>
      <c r="B67" s="57" t="s">
        <v>78</v>
      </c>
      <c r="C67" s="57"/>
      <c r="D67" s="51"/>
      <c r="E67" s="93"/>
      <c r="F67" s="94"/>
    </row>
    <row r="68" spans="1:6" s="4" customFormat="1" ht="24.95" customHeight="1" x14ac:dyDescent="0.25">
      <c r="A68" s="58" t="s">
        <v>113</v>
      </c>
      <c r="B68" s="57" t="s">
        <v>80</v>
      </c>
      <c r="C68" s="57"/>
      <c r="D68" s="51"/>
      <c r="E68" s="93"/>
      <c r="F68" s="94"/>
    </row>
    <row r="69" spans="1:6" s="4" customFormat="1" ht="30" customHeight="1" x14ac:dyDescent="0.25">
      <c r="A69" s="58" t="s">
        <v>114</v>
      </c>
      <c r="B69" s="57" t="s">
        <v>82</v>
      </c>
      <c r="C69" s="57"/>
      <c r="D69" s="51"/>
      <c r="E69" s="93"/>
      <c r="F69" s="94"/>
    </row>
    <row r="70" spans="1:6" s="4" customFormat="1" ht="24.95" customHeight="1" x14ac:dyDescent="0.25">
      <c r="A70" s="58" t="s">
        <v>115</v>
      </c>
      <c r="B70" s="57" t="s">
        <v>84</v>
      </c>
      <c r="C70" s="57"/>
      <c r="D70" s="51"/>
      <c r="E70" s="93"/>
      <c r="F70" s="94"/>
    </row>
    <row r="71" spans="1:6" s="4" customFormat="1" ht="24.95" customHeight="1" x14ac:dyDescent="0.25">
      <c r="A71" s="58" t="s">
        <v>116</v>
      </c>
      <c r="B71" s="57" t="s">
        <v>86</v>
      </c>
      <c r="C71" s="57"/>
      <c r="D71" s="51"/>
      <c r="E71" s="93"/>
      <c r="F71" s="94"/>
    </row>
    <row r="72" spans="1:6" s="4" customFormat="1" ht="24.95" customHeight="1" x14ac:dyDescent="0.25">
      <c r="A72" s="58" t="s">
        <v>117</v>
      </c>
      <c r="B72" s="57" t="s">
        <v>88</v>
      </c>
      <c r="C72" s="57"/>
      <c r="D72" s="51"/>
      <c r="E72" s="93"/>
      <c r="F72" s="94"/>
    </row>
    <row r="73" spans="1:6" s="4" customFormat="1" ht="24.95" customHeight="1" x14ac:dyDescent="0.25">
      <c r="A73" s="60" t="s">
        <v>89</v>
      </c>
      <c r="B73" s="57" t="s">
        <v>90</v>
      </c>
      <c r="C73" s="57"/>
      <c r="D73" s="51"/>
      <c r="E73" s="93"/>
      <c r="F73" s="94"/>
    </row>
    <row r="74" spans="1:6" s="4" customFormat="1" ht="24.95" customHeight="1" x14ac:dyDescent="0.25">
      <c r="A74" s="60" t="s">
        <v>91</v>
      </c>
      <c r="B74" s="57" t="s">
        <v>92</v>
      </c>
      <c r="C74" s="57"/>
      <c r="D74" s="51"/>
      <c r="E74" s="93"/>
      <c r="F74" s="94"/>
    </row>
    <row r="75" spans="1:6" s="4" customFormat="1" ht="24.95" customHeight="1" x14ac:dyDescent="0.25">
      <c r="A75" s="58" t="s">
        <v>118</v>
      </c>
      <c r="B75" s="57" t="s">
        <v>94</v>
      </c>
      <c r="C75" s="57"/>
      <c r="D75" s="51"/>
      <c r="E75" s="93"/>
      <c r="F75" s="94"/>
    </row>
    <row r="76" spans="1:6" s="4" customFormat="1" ht="40.5" customHeight="1" x14ac:dyDescent="0.25">
      <c r="A76" s="60" t="s">
        <v>89</v>
      </c>
      <c r="B76" s="57" t="s">
        <v>95</v>
      </c>
      <c r="C76" s="57"/>
      <c r="D76" s="51"/>
      <c r="E76" s="93"/>
      <c r="F76" s="94"/>
    </row>
    <row r="77" spans="1:6" s="4" customFormat="1" ht="57" customHeight="1" x14ac:dyDescent="0.25">
      <c r="A77" s="60" t="s">
        <v>91</v>
      </c>
      <c r="B77" s="57" t="s">
        <v>96</v>
      </c>
      <c r="C77" s="57"/>
      <c r="D77" s="51"/>
      <c r="E77" s="93"/>
      <c r="F77" s="94"/>
    </row>
    <row r="78" spans="1:6" s="4" customFormat="1" ht="35.25" customHeight="1" x14ac:dyDescent="0.25">
      <c r="A78" s="58" t="s">
        <v>119</v>
      </c>
      <c r="B78" s="57" t="s">
        <v>98</v>
      </c>
      <c r="C78" s="57"/>
      <c r="D78" s="51"/>
      <c r="E78" s="93"/>
      <c r="F78" s="94"/>
    </row>
    <row r="79" spans="1:6" s="4" customFormat="1" ht="43.5" customHeight="1" thickBot="1" x14ac:dyDescent="0.3">
      <c r="A79" s="58" t="s">
        <v>120</v>
      </c>
      <c r="B79" s="57" t="s">
        <v>100</v>
      </c>
      <c r="C79" s="57"/>
      <c r="D79" s="51"/>
      <c r="E79" s="93"/>
      <c r="F79" s="94"/>
    </row>
    <row r="80" spans="1:6" s="29" customFormat="1" ht="30.75" customHeight="1" x14ac:dyDescent="0.25">
      <c r="A80" s="87" t="s">
        <v>125</v>
      </c>
      <c r="B80" s="88"/>
      <c r="C80" s="69"/>
      <c r="D80" s="48"/>
      <c r="E80" s="48"/>
      <c r="F80" s="49"/>
    </row>
    <row r="81" spans="1:6" s="4" customFormat="1" ht="24.95" customHeight="1" x14ac:dyDescent="0.25">
      <c r="A81" s="56" t="s">
        <v>53</v>
      </c>
      <c r="B81" s="57" t="s">
        <v>106</v>
      </c>
      <c r="C81" s="73" t="s">
        <v>126</v>
      </c>
      <c r="D81" s="51"/>
      <c r="E81" s="93"/>
      <c r="F81" s="94"/>
    </row>
    <row r="82" spans="1:6" s="4" customFormat="1" ht="24.95" customHeight="1" x14ac:dyDescent="0.25">
      <c r="A82" s="56" t="s">
        <v>54</v>
      </c>
      <c r="B82" s="57" t="s">
        <v>127</v>
      </c>
      <c r="C82" s="57" t="s">
        <v>128</v>
      </c>
      <c r="D82" s="51"/>
      <c r="E82" s="93"/>
      <c r="F82" s="94"/>
    </row>
    <row r="83" spans="1:6" s="4" customFormat="1" ht="24.95" customHeight="1" x14ac:dyDescent="0.25">
      <c r="A83" s="56" t="s">
        <v>55</v>
      </c>
      <c r="B83" s="57" t="s">
        <v>76</v>
      </c>
      <c r="C83" s="57" t="s">
        <v>129</v>
      </c>
      <c r="D83" s="51"/>
      <c r="E83" s="93"/>
      <c r="F83" s="94"/>
    </row>
    <row r="84" spans="1:6" s="4" customFormat="1" ht="24.95" customHeight="1" x14ac:dyDescent="0.25">
      <c r="A84" s="56" t="s">
        <v>56</v>
      </c>
      <c r="B84" s="57" t="s">
        <v>78</v>
      </c>
      <c r="C84" s="57"/>
      <c r="D84" s="51"/>
      <c r="E84" s="93"/>
      <c r="F84" s="94"/>
    </row>
    <row r="85" spans="1:6" s="4" customFormat="1" ht="24.95" customHeight="1" x14ac:dyDescent="0.25">
      <c r="A85" s="58" t="s">
        <v>57</v>
      </c>
      <c r="B85" s="57" t="s">
        <v>80</v>
      </c>
      <c r="C85" s="57"/>
      <c r="D85" s="51"/>
      <c r="E85" s="93"/>
      <c r="F85" s="94"/>
    </row>
    <row r="86" spans="1:6" s="4" customFormat="1" ht="30.75" customHeight="1" x14ac:dyDescent="0.25">
      <c r="A86" s="58" t="s">
        <v>58</v>
      </c>
      <c r="B86" s="57" t="s">
        <v>82</v>
      </c>
      <c r="C86" s="57"/>
      <c r="D86" s="51"/>
      <c r="E86" s="93"/>
      <c r="F86" s="94"/>
    </row>
    <row r="87" spans="1:6" s="4" customFormat="1" ht="24.95" customHeight="1" x14ac:dyDescent="0.25">
      <c r="A87" s="58" t="s">
        <v>130</v>
      </c>
      <c r="B87" s="57" t="s">
        <v>84</v>
      </c>
      <c r="C87" s="57"/>
      <c r="D87" s="51"/>
      <c r="E87" s="93"/>
      <c r="F87" s="94"/>
    </row>
    <row r="88" spans="1:6" s="4" customFormat="1" ht="30" customHeight="1" x14ac:dyDescent="0.25">
      <c r="A88" s="58" t="s">
        <v>131</v>
      </c>
      <c r="B88" s="57" t="s">
        <v>86</v>
      </c>
      <c r="C88" s="57"/>
      <c r="D88" s="51"/>
      <c r="E88" s="93"/>
      <c r="F88" s="94"/>
    </row>
    <row r="89" spans="1:6" s="4" customFormat="1" ht="24.95" customHeight="1" x14ac:dyDescent="0.25">
      <c r="A89" s="58" t="s">
        <v>132</v>
      </c>
      <c r="B89" s="57" t="s">
        <v>88</v>
      </c>
      <c r="C89" s="57"/>
      <c r="D89" s="51"/>
      <c r="E89" s="93"/>
      <c r="F89" s="94"/>
    </row>
    <row r="90" spans="1:6" s="4" customFormat="1" ht="24.95" customHeight="1" x14ac:dyDescent="0.25">
      <c r="A90" s="60" t="s">
        <v>89</v>
      </c>
      <c r="B90" s="57" t="s">
        <v>90</v>
      </c>
      <c r="C90" s="57"/>
      <c r="D90" s="51"/>
      <c r="E90" s="93"/>
      <c r="F90" s="94"/>
    </row>
    <row r="91" spans="1:6" s="4" customFormat="1" ht="24.95" customHeight="1" x14ac:dyDescent="0.25">
      <c r="A91" s="60" t="s">
        <v>91</v>
      </c>
      <c r="B91" s="57" t="s">
        <v>92</v>
      </c>
      <c r="C91" s="57"/>
      <c r="D91" s="51"/>
      <c r="E91" s="93"/>
      <c r="F91" s="94"/>
    </row>
    <row r="92" spans="1:6" s="4" customFormat="1" ht="24.95" customHeight="1" x14ac:dyDescent="0.25">
      <c r="A92" s="60" t="s">
        <v>133</v>
      </c>
      <c r="B92" s="57" t="s">
        <v>94</v>
      </c>
      <c r="C92" s="57"/>
      <c r="D92" s="51"/>
      <c r="E92" s="93"/>
      <c r="F92" s="94"/>
    </row>
    <row r="93" spans="1:6" s="4" customFormat="1" ht="46.5" customHeight="1" x14ac:dyDescent="0.25">
      <c r="A93" s="60" t="s">
        <v>89</v>
      </c>
      <c r="B93" s="57" t="s">
        <v>95</v>
      </c>
      <c r="C93" s="57"/>
      <c r="D93" s="51"/>
      <c r="E93" s="93"/>
      <c r="F93" s="94"/>
    </row>
    <row r="94" spans="1:6" s="4" customFormat="1" ht="55.5" customHeight="1" x14ac:dyDescent="0.25">
      <c r="A94" s="58" t="s">
        <v>91</v>
      </c>
      <c r="B94" s="57" t="s">
        <v>96</v>
      </c>
      <c r="C94" s="57"/>
      <c r="D94" s="51"/>
      <c r="E94" s="93"/>
      <c r="F94" s="94"/>
    </row>
    <row r="95" spans="1:6" s="4" customFormat="1" ht="31.5" customHeight="1" x14ac:dyDescent="0.25">
      <c r="A95" s="58" t="s">
        <v>134</v>
      </c>
      <c r="B95" s="57" t="s">
        <v>98</v>
      </c>
      <c r="C95" s="57"/>
      <c r="D95" s="51"/>
      <c r="E95" s="93"/>
      <c r="F95" s="94"/>
    </row>
    <row r="96" spans="1:6" s="4" customFormat="1" ht="49.5" customHeight="1" thickBot="1" x14ac:dyDescent="0.3">
      <c r="A96" s="58" t="s">
        <v>135</v>
      </c>
      <c r="B96" s="57" t="s">
        <v>100</v>
      </c>
      <c r="C96" s="57"/>
      <c r="D96" s="51"/>
      <c r="E96" s="93"/>
      <c r="F96" s="94"/>
    </row>
    <row r="97" spans="1:6" s="29" customFormat="1" ht="30.75" customHeight="1" x14ac:dyDescent="0.25">
      <c r="A97" s="87" t="s">
        <v>136</v>
      </c>
      <c r="B97" s="88"/>
      <c r="C97" s="69"/>
      <c r="D97" s="48"/>
      <c r="E97" s="48"/>
      <c r="F97" s="49"/>
    </row>
    <row r="98" spans="1:6" s="4" customFormat="1" ht="24.95" customHeight="1" x14ac:dyDescent="0.25">
      <c r="A98" s="56" t="s">
        <v>137</v>
      </c>
      <c r="B98" s="57" t="s">
        <v>106</v>
      </c>
      <c r="C98" s="73" t="s">
        <v>138</v>
      </c>
      <c r="D98" s="51"/>
      <c r="E98" s="93"/>
      <c r="F98" s="94"/>
    </row>
    <row r="99" spans="1:6" s="4" customFormat="1" ht="24.95" customHeight="1" x14ac:dyDescent="0.25">
      <c r="A99" s="56" t="s">
        <v>139</v>
      </c>
      <c r="B99" s="57" t="s">
        <v>76</v>
      </c>
      <c r="C99" s="57" t="s">
        <v>140</v>
      </c>
      <c r="D99" s="51"/>
      <c r="E99" s="93"/>
      <c r="F99" s="94"/>
    </row>
    <row r="100" spans="1:6" s="4" customFormat="1" ht="24.95" customHeight="1" x14ac:dyDescent="0.25">
      <c r="A100" s="56" t="s">
        <v>141</v>
      </c>
      <c r="B100" s="57" t="s">
        <v>78</v>
      </c>
      <c r="C100" s="57"/>
      <c r="D100" s="51"/>
      <c r="E100" s="93"/>
      <c r="F100" s="94"/>
    </row>
    <row r="101" spans="1:6" s="4" customFormat="1" ht="24.95" customHeight="1" x14ac:dyDescent="0.25">
      <c r="A101" s="56" t="s">
        <v>142</v>
      </c>
      <c r="B101" s="57" t="s">
        <v>80</v>
      </c>
      <c r="C101" s="57"/>
      <c r="D101" s="51"/>
      <c r="E101" s="93"/>
      <c r="F101" s="94"/>
    </row>
    <row r="102" spans="1:6" s="4" customFormat="1" ht="34.5" customHeight="1" x14ac:dyDescent="0.25">
      <c r="A102" s="58" t="s">
        <v>143</v>
      </c>
      <c r="B102" s="57" t="s">
        <v>82</v>
      </c>
      <c r="C102" s="57"/>
      <c r="D102" s="51"/>
      <c r="E102" s="93"/>
      <c r="F102" s="94"/>
    </row>
    <row r="103" spans="1:6" s="4" customFormat="1" ht="30.75" customHeight="1" x14ac:dyDescent="0.25">
      <c r="A103" s="58" t="s">
        <v>144</v>
      </c>
      <c r="B103" s="57" t="s">
        <v>84</v>
      </c>
      <c r="C103" s="57"/>
      <c r="D103" s="51"/>
      <c r="E103" s="93"/>
      <c r="F103" s="94"/>
    </row>
    <row r="104" spans="1:6" s="4" customFormat="1" ht="24.95" customHeight="1" x14ac:dyDescent="0.25">
      <c r="A104" s="58" t="s">
        <v>145</v>
      </c>
      <c r="B104" s="57" t="s">
        <v>86</v>
      </c>
      <c r="C104" s="57"/>
      <c r="D104" s="51"/>
      <c r="E104" s="93"/>
      <c r="F104" s="94"/>
    </row>
    <row r="105" spans="1:6" s="4" customFormat="1" ht="30" customHeight="1" x14ac:dyDescent="0.25">
      <c r="A105" s="58" t="s">
        <v>146</v>
      </c>
      <c r="B105" s="57" t="s">
        <v>88</v>
      </c>
      <c r="C105" s="57"/>
      <c r="D105" s="51"/>
      <c r="E105" s="93"/>
      <c r="F105" s="94"/>
    </row>
    <row r="106" spans="1:6" s="4" customFormat="1" ht="24.95" customHeight="1" x14ac:dyDescent="0.25">
      <c r="A106" s="60" t="s">
        <v>89</v>
      </c>
      <c r="B106" s="57" t="s">
        <v>90</v>
      </c>
      <c r="C106" s="57"/>
      <c r="D106" s="51"/>
      <c r="E106" s="93"/>
      <c r="F106" s="94"/>
    </row>
    <row r="107" spans="1:6" s="4" customFormat="1" ht="24.95" customHeight="1" x14ac:dyDescent="0.25">
      <c r="A107" s="60" t="s">
        <v>91</v>
      </c>
      <c r="B107" s="57" t="s">
        <v>147</v>
      </c>
      <c r="C107" s="57"/>
      <c r="D107" s="51"/>
      <c r="E107" s="93"/>
      <c r="F107" s="94"/>
    </row>
    <row r="108" spans="1:6" s="4" customFormat="1" ht="24.95" customHeight="1" x14ac:dyDescent="0.25">
      <c r="A108" s="58" t="s">
        <v>148</v>
      </c>
      <c r="B108" s="57" t="s">
        <v>94</v>
      </c>
      <c r="C108" s="57"/>
      <c r="D108" s="51"/>
      <c r="E108" s="93"/>
      <c r="F108" s="94"/>
    </row>
    <row r="109" spans="1:6" s="4" customFormat="1" ht="42" customHeight="1" x14ac:dyDescent="0.25">
      <c r="A109" s="60" t="s">
        <v>89</v>
      </c>
      <c r="B109" s="57" t="s">
        <v>95</v>
      </c>
      <c r="C109" s="57"/>
      <c r="D109" s="51"/>
      <c r="E109" s="93"/>
      <c r="F109" s="94"/>
    </row>
    <row r="110" spans="1:6" s="4" customFormat="1" ht="57" customHeight="1" x14ac:dyDescent="0.25">
      <c r="A110" s="60" t="s">
        <v>91</v>
      </c>
      <c r="B110" s="57" t="s">
        <v>96</v>
      </c>
      <c r="C110" s="57"/>
      <c r="D110" s="51"/>
      <c r="E110" s="93"/>
      <c r="F110" s="94"/>
    </row>
    <row r="111" spans="1:6" s="4" customFormat="1" ht="34.5" customHeight="1" x14ac:dyDescent="0.25">
      <c r="A111" s="58" t="s">
        <v>149</v>
      </c>
      <c r="B111" s="57" t="s">
        <v>98</v>
      </c>
      <c r="C111" s="57"/>
      <c r="D111" s="51"/>
      <c r="E111" s="93"/>
      <c r="F111" s="94"/>
    </row>
    <row r="112" spans="1:6" s="4" customFormat="1" ht="43.5" customHeight="1" thickBot="1" x14ac:dyDescent="0.3">
      <c r="A112" s="58" t="s">
        <v>150</v>
      </c>
      <c r="B112" s="57" t="s">
        <v>100</v>
      </c>
      <c r="C112" s="57"/>
      <c r="D112" s="51"/>
      <c r="E112" s="93"/>
      <c r="F112" s="94"/>
    </row>
    <row r="113" spans="1:6" s="29" customFormat="1" ht="30.75" customHeight="1" x14ac:dyDescent="0.25">
      <c r="A113" s="87" t="s">
        <v>151</v>
      </c>
      <c r="B113" s="88"/>
      <c r="C113" s="69"/>
      <c r="D113" s="48"/>
      <c r="E113" s="48"/>
      <c r="F113" s="49"/>
    </row>
    <row r="114" spans="1:6" s="4" customFormat="1" ht="24.95" customHeight="1" x14ac:dyDescent="0.25">
      <c r="A114" s="58">
        <v>44201</v>
      </c>
      <c r="B114" s="57" t="s">
        <v>106</v>
      </c>
      <c r="C114" s="73" t="s">
        <v>160</v>
      </c>
      <c r="D114" s="51"/>
      <c r="E114" s="93"/>
      <c r="F114" s="94"/>
    </row>
    <row r="115" spans="1:6" s="4" customFormat="1" ht="24.95" customHeight="1" x14ac:dyDescent="0.25">
      <c r="A115" s="58">
        <v>44232</v>
      </c>
      <c r="B115" s="57" t="s">
        <v>152</v>
      </c>
      <c r="C115" s="57" t="s">
        <v>161</v>
      </c>
      <c r="D115" s="51"/>
      <c r="E115" s="93"/>
      <c r="F115" s="94"/>
    </row>
    <row r="116" spans="1:6" s="4" customFormat="1" ht="24.95" customHeight="1" x14ac:dyDescent="0.25">
      <c r="A116" s="58">
        <v>44260</v>
      </c>
      <c r="B116" s="57" t="s">
        <v>153</v>
      </c>
      <c r="C116" s="57" t="s">
        <v>162</v>
      </c>
      <c r="D116" s="51"/>
      <c r="E116" s="93"/>
      <c r="F116" s="94"/>
    </row>
    <row r="117" spans="1:6" s="4" customFormat="1" ht="24.95" customHeight="1" x14ac:dyDescent="0.25">
      <c r="A117" s="58">
        <v>44291</v>
      </c>
      <c r="B117" s="57" t="s">
        <v>80</v>
      </c>
      <c r="C117" s="57"/>
      <c r="D117" s="51"/>
      <c r="E117" s="93"/>
      <c r="F117" s="94"/>
    </row>
    <row r="118" spans="1:6" s="4" customFormat="1" ht="34.5" customHeight="1" x14ac:dyDescent="0.25">
      <c r="A118" s="58">
        <v>44321</v>
      </c>
      <c r="B118" s="57" t="s">
        <v>82</v>
      </c>
      <c r="C118" s="57"/>
      <c r="D118" s="51"/>
      <c r="E118" s="93"/>
      <c r="F118" s="94"/>
    </row>
    <row r="119" spans="1:6" s="4" customFormat="1" ht="32.25" customHeight="1" x14ac:dyDescent="0.25">
      <c r="A119" s="58">
        <v>44352</v>
      </c>
      <c r="B119" s="57" t="s">
        <v>154</v>
      </c>
      <c r="C119" s="57"/>
      <c r="D119" s="51"/>
      <c r="E119" s="93"/>
      <c r="F119" s="94"/>
    </row>
    <row r="120" spans="1:6" s="4" customFormat="1" ht="24.95" customHeight="1" x14ac:dyDescent="0.25">
      <c r="A120" s="58">
        <v>44382</v>
      </c>
      <c r="B120" s="57" t="s">
        <v>88</v>
      </c>
      <c r="C120" s="57"/>
      <c r="D120" s="51"/>
      <c r="E120" s="93"/>
      <c r="F120" s="94"/>
    </row>
    <row r="121" spans="1:6" s="4" customFormat="1" ht="30" customHeight="1" x14ac:dyDescent="0.25">
      <c r="A121" s="58">
        <v>44413</v>
      </c>
      <c r="B121" s="57" t="s">
        <v>155</v>
      </c>
      <c r="C121" s="57"/>
      <c r="D121" s="51"/>
      <c r="E121" s="93"/>
      <c r="F121" s="94"/>
    </row>
    <row r="122" spans="1:6" s="4" customFormat="1" ht="24.95" customHeight="1" x14ac:dyDescent="0.25">
      <c r="A122" s="60" t="s">
        <v>89</v>
      </c>
      <c r="B122" s="57" t="s">
        <v>156</v>
      </c>
      <c r="C122" s="57"/>
      <c r="D122" s="51"/>
      <c r="E122" s="93"/>
      <c r="F122" s="94"/>
    </row>
    <row r="123" spans="1:6" s="4" customFormat="1" ht="24.95" customHeight="1" x14ac:dyDescent="0.25">
      <c r="A123" s="60" t="s">
        <v>91</v>
      </c>
      <c r="B123" s="57" t="s">
        <v>94</v>
      </c>
      <c r="C123" s="57"/>
      <c r="D123" s="51"/>
      <c r="E123" s="93"/>
      <c r="F123" s="94"/>
    </row>
    <row r="124" spans="1:6" s="4" customFormat="1" ht="33.75" customHeight="1" x14ac:dyDescent="0.25">
      <c r="A124" s="58">
        <v>44444</v>
      </c>
      <c r="B124" s="57" t="s">
        <v>157</v>
      </c>
      <c r="C124" s="57"/>
      <c r="D124" s="51"/>
      <c r="E124" s="93"/>
      <c r="F124" s="94"/>
    </row>
    <row r="125" spans="1:6" s="4" customFormat="1" ht="42" customHeight="1" x14ac:dyDescent="0.25">
      <c r="A125" s="60" t="s">
        <v>89</v>
      </c>
      <c r="B125" s="57" t="s">
        <v>158</v>
      </c>
      <c r="C125" s="57"/>
      <c r="D125" s="51"/>
      <c r="E125" s="93"/>
      <c r="F125" s="94"/>
    </row>
    <row r="126" spans="1:6" s="4" customFormat="1" ht="24" customHeight="1" x14ac:dyDescent="0.25">
      <c r="A126" s="60" t="s">
        <v>91</v>
      </c>
      <c r="B126" s="57" t="s">
        <v>159</v>
      </c>
      <c r="C126" s="57"/>
      <c r="D126" s="51"/>
      <c r="E126" s="93"/>
      <c r="F126" s="94"/>
    </row>
    <row r="127" spans="1:6" s="4" customFormat="1" ht="34.5" customHeight="1" x14ac:dyDescent="0.25">
      <c r="A127" s="58">
        <v>44474</v>
      </c>
      <c r="B127" s="57" t="s">
        <v>98</v>
      </c>
      <c r="C127" s="57"/>
      <c r="D127" s="51"/>
      <c r="E127" s="93"/>
      <c r="F127" s="94"/>
    </row>
    <row r="128" spans="1:6" s="4" customFormat="1" ht="41.25" customHeight="1" thickBot="1" x14ac:dyDescent="0.3">
      <c r="A128" s="74">
        <v>44505</v>
      </c>
      <c r="B128" s="59" t="s">
        <v>100</v>
      </c>
      <c r="C128" s="59"/>
      <c r="D128" s="75"/>
      <c r="E128" s="95"/>
      <c r="F128" s="96"/>
    </row>
    <row r="129" spans="1:7" s="3" customFormat="1" ht="5.0999999999999996" customHeight="1" x14ac:dyDescent="0.25">
      <c r="A129" s="5"/>
      <c r="B129" s="5"/>
      <c r="C129" s="5"/>
      <c r="D129" s="7"/>
      <c r="E129" s="7"/>
      <c r="F129" s="30"/>
    </row>
    <row r="130" spans="1:7" s="2" customFormat="1" ht="20.100000000000001" customHeight="1" x14ac:dyDescent="0.25">
      <c r="A130" s="98" t="s">
        <v>44</v>
      </c>
      <c r="B130" s="98"/>
      <c r="C130" s="98"/>
      <c r="D130" s="98"/>
      <c r="E130" s="98"/>
      <c r="F130" s="98"/>
      <c r="G130" s="79"/>
    </row>
    <row r="131" spans="1:7" s="2" customFormat="1" ht="5.0999999999999996" customHeight="1" thickBot="1" x14ac:dyDescent="0.3">
      <c r="A131" s="18"/>
      <c r="D131" s="6"/>
      <c r="E131" s="6"/>
      <c r="F131" s="6"/>
    </row>
    <row r="132" spans="1:7" s="3" customFormat="1" ht="69" customHeight="1" x14ac:dyDescent="0.25">
      <c r="A132" s="102" t="s">
        <v>7</v>
      </c>
      <c r="B132" s="103"/>
      <c r="C132" s="65"/>
      <c r="D132" s="106" t="s">
        <v>28</v>
      </c>
      <c r="E132" s="107"/>
      <c r="F132" s="108"/>
      <c r="G132" s="80"/>
    </row>
    <row r="133" spans="1:7" s="3" customFormat="1" ht="30" customHeight="1" thickBot="1" x14ac:dyDescent="0.3">
      <c r="A133" s="104"/>
      <c r="B133" s="105"/>
      <c r="C133" s="66"/>
      <c r="D133" s="28" t="s">
        <v>6</v>
      </c>
      <c r="E133" s="131" t="s">
        <v>29</v>
      </c>
      <c r="F133" s="132"/>
    </row>
    <row r="134" spans="1:7" s="2" customFormat="1" ht="46.5" customHeight="1" x14ac:dyDescent="0.25">
      <c r="A134" s="84" t="s">
        <v>169</v>
      </c>
      <c r="B134" s="140" t="s">
        <v>219</v>
      </c>
      <c r="C134" s="141"/>
      <c r="D134" s="46"/>
      <c r="E134" s="127"/>
      <c r="F134" s="128"/>
    </row>
    <row r="135" spans="1:7" s="2" customFormat="1" ht="54" customHeight="1" x14ac:dyDescent="0.25">
      <c r="A135" s="85" t="s">
        <v>170</v>
      </c>
      <c r="B135" s="91" t="s">
        <v>171</v>
      </c>
      <c r="C135" s="92"/>
      <c r="D135" s="62"/>
      <c r="E135" s="129"/>
      <c r="F135" s="130"/>
    </row>
    <row r="136" spans="1:7" s="2" customFormat="1" ht="24.95" customHeight="1" x14ac:dyDescent="0.25">
      <c r="A136" s="13" t="s">
        <v>218</v>
      </c>
      <c r="B136" s="91" t="s">
        <v>172</v>
      </c>
      <c r="C136" s="92"/>
      <c r="D136" s="47"/>
      <c r="E136" s="129"/>
      <c r="F136" s="130"/>
    </row>
    <row r="137" spans="1:7" s="2" customFormat="1" ht="31.5" customHeight="1" x14ac:dyDescent="0.25">
      <c r="A137" s="13" t="s">
        <v>53</v>
      </c>
      <c r="B137" s="91" t="s">
        <v>173</v>
      </c>
      <c r="C137" s="92"/>
      <c r="D137" s="47"/>
      <c r="E137" s="129"/>
      <c r="F137" s="130"/>
    </row>
    <row r="138" spans="1:7" s="2" customFormat="1" ht="39.75" customHeight="1" x14ac:dyDescent="0.25">
      <c r="A138" s="13" t="s">
        <v>54</v>
      </c>
      <c r="B138" s="91" t="s">
        <v>174</v>
      </c>
      <c r="C138" s="92"/>
      <c r="D138" s="47"/>
      <c r="E138" s="129"/>
      <c r="F138" s="130"/>
    </row>
    <row r="139" spans="1:7" s="2" customFormat="1" ht="24.95" customHeight="1" x14ac:dyDescent="0.25">
      <c r="A139" s="13" t="s">
        <v>55</v>
      </c>
      <c r="B139" s="91" t="s">
        <v>175</v>
      </c>
      <c r="C139" s="92"/>
      <c r="D139" s="47"/>
      <c r="E139" s="129"/>
      <c r="F139" s="130"/>
    </row>
    <row r="140" spans="1:7" s="2" customFormat="1" ht="51" customHeight="1" x14ac:dyDescent="0.25">
      <c r="A140" s="13" t="s">
        <v>56</v>
      </c>
      <c r="B140" s="91" t="s">
        <v>176</v>
      </c>
      <c r="C140" s="92"/>
      <c r="D140" s="47"/>
      <c r="E140" s="129"/>
      <c r="F140" s="130"/>
    </row>
    <row r="141" spans="1:7" s="2" customFormat="1" ht="107.25" customHeight="1" x14ac:dyDescent="0.25">
      <c r="A141" s="13" t="s">
        <v>57</v>
      </c>
      <c r="B141" s="91" t="s">
        <v>177</v>
      </c>
      <c r="C141" s="92"/>
      <c r="D141" s="47"/>
      <c r="E141" s="129"/>
      <c r="F141" s="130"/>
    </row>
    <row r="142" spans="1:7" s="2" customFormat="1" ht="115.5" customHeight="1" x14ac:dyDescent="0.25">
      <c r="A142" s="13" t="s">
        <v>178</v>
      </c>
      <c r="B142" s="91" t="s">
        <v>179</v>
      </c>
      <c r="C142" s="92"/>
      <c r="D142" s="47"/>
      <c r="E142" s="129"/>
      <c r="F142" s="130"/>
    </row>
    <row r="143" spans="1:7" s="2" customFormat="1" ht="43.5" customHeight="1" x14ac:dyDescent="0.25">
      <c r="A143" s="13" t="s">
        <v>180</v>
      </c>
      <c r="B143" s="91" t="s">
        <v>181</v>
      </c>
      <c r="C143" s="92"/>
      <c r="D143" s="47"/>
      <c r="E143" s="129"/>
      <c r="F143" s="130"/>
    </row>
    <row r="144" spans="1:7" s="2" customFormat="1" ht="57" customHeight="1" x14ac:dyDescent="0.25">
      <c r="A144" s="13" t="s">
        <v>182</v>
      </c>
      <c r="B144" s="91" t="s">
        <v>183</v>
      </c>
      <c r="C144" s="92"/>
      <c r="D144" s="47"/>
      <c r="E144" s="129"/>
      <c r="F144" s="130"/>
    </row>
    <row r="145" spans="1:6" s="2" customFormat="1" ht="61.5" customHeight="1" x14ac:dyDescent="0.25">
      <c r="A145" s="13" t="s">
        <v>184</v>
      </c>
      <c r="B145" s="142" t="s">
        <v>185</v>
      </c>
      <c r="C145" s="143"/>
      <c r="D145" s="47"/>
      <c r="E145" s="129"/>
      <c r="F145" s="130"/>
    </row>
    <row r="146" spans="1:6" s="2" customFormat="1" ht="69.75" customHeight="1" x14ac:dyDescent="0.25">
      <c r="A146" s="13" t="s">
        <v>186</v>
      </c>
      <c r="B146" s="142" t="s">
        <v>187</v>
      </c>
      <c r="C146" s="143"/>
      <c r="D146" s="47"/>
      <c r="E146" s="129"/>
      <c r="F146" s="130"/>
    </row>
    <row r="147" spans="1:6" s="2" customFormat="1" ht="113.25" customHeight="1" x14ac:dyDescent="0.25">
      <c r="A147" s="13" t="s">
        <v>188</v>
      </c>
      <c r="B147" s="91" t="s">
        <v>189</v>
      </c>
      <c r="C147" s="92"/>
      <c r="D147" s="47"/>
      <c r="E147" s="129"/>
      <c r="F147" s="130"/>
    </row>
    <row r="148" spans="1:6" s="2" customFormat="1" ht="102" customHeight="1" x14ac:dyDescent="0.25">
      <c r="A148" s="13" t="s">
        <v>190</v>
      </c>
      <c r="B148" s="91" t="s">
        <v>191</v>
      </c>
      <c r="C148" s="92"/>
      <c r="D148" s="47"/>
      <c r="E148" s="129"/>
      <c r="F148" s="130"/>
    </row>
    <row r="149" spans="1:6" s="2" customFormat="1" ht="51.75" customHeight="1" x14ac:dyDescent="0.25">
      <c r="A149" s="13" t="s">
        <v>192</v>
      </c>
      <c r="B149" s="89" t="s">
        <v>193</v>
      </c>
      <c r="C149" s="90"/>
      <c r="D149" s="47"/>
      <c r="E149" s="129"/>
      <c r="F149" s="130"/>
    </row>
    <row r="150" spans="1:6" s="2" customFormat="1" ht="122.25" customHeight="1" x14ac:dyDescent="0.25">
      <c r="A150" s="13" t="s">
        <v>194</v>
      </c>
      <c r="B150" s="89" t="s">
        <v>195</v>
      </c>
      <c r="C150" s="90"/>
      <c r="D150" s="47"/>
      <c r="E150" s="129"/>
      <c r="F150" s="130"/>
    </row>
    <row r="151" spans="1:6" s="2" customFormat="1" ht="139.5" customHeight="1" x14ac:dyDescent="0.25">
      <c r="A151" s="13" t="s">
        <v>196</v>
      </c>
      <c r="B151" s="89" t="s">
        <v>197</v>
      </c>
      <c r="C151" s="90"/>
      <c r="D151" s="47"/>
      <c r="E151" s="129"/>
      <c r="F151" s="130"/>
    </row>
    <row r="152" spans="1:6" s="2" customFormat="1" ht="104.25" customHeight="1" x14ac:dyDescent="0.25">
      <c r="A152" s="13" t="s">
        <v>198</v>
      </c>
      <c r="B152" s="89" t="s">
        <v>199</v>
      </c>
      <c r="C152" s="90"/>
      <c r="D152" s="47"/>
      <c r="E152" s="129"/>
      <c r="F152" s="130"/>
    </row>
    <row r="153" spans="1:6" s="2" customFormat="1" ht="69.75" customHeight="1" x14ac:dyDescent="0.25">
      <c r="A153" s="13" t="s">
        <v>200</v>
      </c>
      <c r="B153" s="89" t="s">
        <v>201</v>
      </c>
      <c r="C153" s="90"/>
      <c r="D153" s="47"/>
      <c r="E153" s="129"/>
      <c r="F153" s="130"/>
    </row>
    <row r="154" spans="1:6" s="2" customFormat="1" ht="72" customHeight="1" x14ac:dyDescent="0.25">
      <c r="A154" s="13" t="s">
        <v>202</v>
      </c>
      <c r="B154" s="91" t="s">
        <v>203</v>
      </c>
      <c r="C154" s="92"/>
      <c r="D154" s="47"/>
      <c r="E154" s="129"/>
      <c r="F154" s="130"/>
    </row>
    <row r="155" spans="1:6" s="2" customFormat="1" ht="42.75" customHeight="1" x14ac:dyDescent="0.25">
      <c r="A155" s="13" t="s">
        <v>204</v>
      </c>
      <c r="B155" s="91" t="s">
        <v>205</v>
      </c>
      <c r="C155" s="92"/>
      <c r="D155" s="47"/>
      <c r="E155" s="129"/>
      <c r="F155" s="130"/>
    </row>
    <row r="156" spans="1:6" s="2" customFormat="1" ht="50.25" customHeight="1" x14ac:dyDescent="0.25">
      <c r="A156" s="13" t="s">
        <v>206</v>
      </c>
      <c r="B156" s="91" t="s">
        <v>207</v>
      </c>
      <c r="C156" s="92"/>
      <c r="D156" s="47"/>
      <c r="E156" s="129"/>
      <c r="F156" s="130"/>
    </row>
    <row r="157" spans="1:6" s="2" customFormat="1" ht="57" customHeight="1" x14ac:dyDescent="0.25">
      <c r="A157" s="13" t="s">
        <v>208</v>
      </c>
      <c r="B157" s="91" t="s">
        <v>209</v>
      </c>
      <c r="C157" s="92"/>
      <c r="D157" s="47"/>
      <c r="E157" s="129"/>
      <c r="F157" s="130"/>
    </row>
    <row r="158" spans="1:6" s="2" customFormat="1" ht="147.75" customHeight="1" x14ac:dyDescent="0.25">
      <c r="A158" s="13" t="s">
        <v>210</v>
      </c>
      <c r="B158" s="91" t="s">
        <v>211</v>
      </c>
      <c r="C158" s="92"/>
      <c r="D158" s="47"/>
      <c r="E158" s="129"/>
      <c r="F158" s="130"/>
    </row>
    <row r="159" spans="1:6" s="2" customFormat="1" ht="70.5" customHeight="1" x14ac:dyDescent="0.25">
      <c r="A159" s="13" t="s">
        <v>212</v>
      </c>
      <c r="B159" s="91" t="s">
        <v>213</v>
      </c>
      <c r="C159" s="92"/>
      <c r="D159" s="47"/>
      <c r="E159" s="129"/>
      <c r="F159" s="130"/>
    </row>
    <row r="160" spans="1:6" s="2" customFormat="1" ht="94.5" customHeight="1" x14ac:dyDescent="0.25">
      <c r="A160" s="13" t="s">
        <v>214</v>
      </c>
      <c r="B160" s="91" t="s">
        <v>215</v>
      </c>
      <c r="C160" s="92"/>
      <c r="D160" s="47"/>
      <c r="E160" s="129"/>
      <c r="F160" s="130"/>
    </row>
    <row r="161" spans="1:7" s="2" customFormat="1" ht="67.5" customHeight="1" x14ac:dyDescent="0.25">
      <c r="A161" s="13" t="s">
        <v>216</v>
      </c>
      <c r="B161" s="91" t="s">
        <v>217</v>
      </c>
      <c r="C161" s="92"/>
      <c r="D161" s="47"/>
      <c r="E161" s="129"/>
      <c r="F161" s="130"/>
    </row>
    <row r="162" spans="1:7" s="3" customFormat="1" ht="26.25" customHeight="1" x14ac:dyDescent="0.25">
      <c r="A162" s="5"/>
      <c r="B162" s="5"/>
      <c r="C162" s="5"/>
      <c r="D162" s="7"/>
      <c r="E162" s="7"/>
      <c r="F162" s="30"/>
    </row>
    <row r="163" spans="1:7" s="2" customFormat="1" ht="20.100000000000001" customHeight="1" x14ac:dyDescent="0.25">
      <c r="A163" s="126" t="s">
        <v>50</v>
      </c>
      <c r="B163" s="126"/>
      <c r="C163" s="126"/>
      <c r="D163" s="126"/>
      <c r="E163" s="126"/>
      <c r="F163" s="126"/>
      <c r="G163" s="76"/>
    </row>
    <row r="164" spans="1:7" s="2" customFormat="1" ht="4.5" customHeight="1" thickBot="1" x14ac:dyDescent="0.3">
      <c r="G164" s="76"/>
    </row>
    <row r="165" spans="1:7" s="2" customFormat="1" ht="80.25" customHeight="1" x14ac:dyDescent="0.25">
      <c r="A165" s="102" t="s">
        <v>59</v>
      </c>
      <c r="B165" s="103"/>
      <c r="C165" s="65"/>
      <c r="D165" s="106" t="s">
        <v>51</v>
      </c>
      <c r="E165" s="107"/>
      <c r="F165" s="108"/>
      <c r="G165" s="76"/>
    </row>
    <row r="166" spans="1:7" s="3" customFormat="1" ht="29.25" customHeight="1" thickBot="1" x14ac:dyDescent="0.3">
      <c r="A166" s="104"/>
      <c r="B166" s="105"/>
      <c r="C166" s="66"/>
      <c r="D166" s="28" t="s">
        <v>6</v>
      </c>
      <c r="E166" s="131" t="s">
        <v>29</v>
      </c>
      <c r="F166" s="132"/>
      <c r="G166" s="77"/>
    </row>
    <row r="167" spans="1:7" s="2" customFormat="1" ht="65.25" customHeight="1" thickBot="1" x14ac:dyDescent="0.3">
      <c r="A167" s="14" t="s">
        <v>30</v>
      </c>
      <c r="B167" s="138" t="s">
        <v>222</v>
      </c>
      <c r="C167" s="139"/>
      <c r="D167" s="44"/>
      <c r="E167" s="135"/>
      <c r="F167" s="136"/>
      <c r="G167" s="76"/>
    </row>
    <row r="168" spans="1:7" s="2" customFormat="1" ht="5.0999999999999996" customHeight="1" x14ac:dyDescent="0.25">
      <c r="A168" s="5"/>
      <c r="B168" s="5"/>
      <c r="C168" s="5"/>
      <c r="D168" s="7"/>
      <c r="E168" s="7"/>
      <c r="F168" s="30"/>
    </row>
    <row r="169" spans="1:7" s="2" customFormat="1" ht="20.100000000000001" customHeight="1" x14ac:dyDescent="0.25">
      <c r="A169" s="98" t="s">
        <v>14</v>
      </c>
      <c r="B169" s="98"/>
      <c r="C169" s="98"/>
      <c r="D169" s="98"/>
      <c r="E169" s="98"/>
      <c r="F169" s="98"/>
    </row>
    <row r="170" spans="1:7" s="3" customFormat="1" ht="30" customHeight="1" x14ac:dyDescent="0.25">
      <c r="A170" s="5" t="s">
        <v>15</v>
      </c>
      <c r="B170" s="124" t="s">
        <v>221</v>
      </c>
      <c r="C170" s="124"/>
      <c r="D170" s="124"/>
      <c r="E170" s="124"/>
      <c r="F170" s="124"/>
    </row>
    <row r="171" spans="1:7" s="32" customFormat="1" ht="30" customHeight="1" x14ac:dyDescent="0.25">
      <c r="A171" s="125" t="s">
        <v>31</v>
      </c>
      <c r="B171" s="125"/>
      <c r="C171" s="125"/>
      <c r="D171" s="125"/>
      <c r="E171" s="125"/>
      <c r="F171" s="3"/>
    </row>
    <row r="172" spans="1:7" s="2" customFormat="1" ht="28.5" customHeight="1" x14ac:dyDescent="0.25">
      <c r="A172" s="31" t="s">
        <v>32</v>
      </c>
      <c r="B172" s="122"/>
      <c r="C172" s="122"/>
      <c r="D172" s="122"/>
      <c r="F172" s="32"/>
    </row>
    <row r="173" spans="1:7" s="2" customFormat="1" ht="27" customHeight="1" x14ac:dyDescent="0.25">
      <c r="A173" s="31" t="s">
        <v>33</v>
      </c>
      <c r="B173" s="123"/>
      <c r="C173" s="123"/>
      <c r="D173" s="123"/>
      <c r="F173" s="32"/>
    </row>
    <row r="174" spans="1:7" s="2" customFormat="1" ht="26.45" customHeight="1" x14ac:dyDescent="0.25">
      <c r="A174" s="31" t="s">
        <v>34</v>
      </c>
      <c r="B174" s="123"/>
      <c r="C174" s="123"/>
      <c r="D174" s="123"/>
      <c r="F174" s="32"/>
    </row>
    <row r="175" spans="1:7" s="3" customFormat="1" ht="29.1" customHeight="1" x14ac:dyDescent="0.25">
      <c r="A175" s="31" t="s">
        <v>35</v>
      </c>
      <c r="B175" s="123"/>
      <c r="C175" s="123"/>
      <c r="D175" s="123"/>
      <c r="E175" s="2"/>
      <c r="F175" s="33"/>
    </row>
    <row r="176" spans="1:7" s="2" customFormat="1" ht="46.5" customHeight="1" x14ac:dyDescent="0.2">
      <c r="A176" s="11"/>
      <c r="B176" s="12"/>
      <c r="C176" s="12"/>
      <c r="D176" s="12"/>
      <c r="F176" s="34"/>
    </row>
    <row r="177" spans="1:6" s="3" customFormat="1" ht="15" customHeight="1" x14ac:dyDescent="0.25">
      <c r="A177" s="133" t="s">
        <v>36</v>
      </c>
      <c r="B177" s="133"/>
      <c r="C177" s="133"/>
      <c r="D177" s="133"/>
      <c r="E177" s="133"/>
      <c r="F177" s="133"/>
    </row>
    <row r="178" spans="1:6" s="2" customFormat="1" ht="36.75" customHeight="1" x14ac:dyDescent="0.25">
      <c r="A178" s="134" t="s">
        <v>47</v>
      </c>
      <c r="B178" s="134"/>
      <c r="C178" s="134"/>
      <c r="D178" s="134"/>
      <c r="E178" s="134"/>
      <c r="F178" s="134"/>
    </row>
    <row r="179" spans="1:6" s="2" customFormat="1" ht="20.100000000000001" customHeight="1" x14ac:dyDescent="0.2">
      <c r="A179" s="1"/>
      <c r="B179" s="1"/>
      <c r="C179" s="1"/>
      <c r="D179" s="8"/>
      <c r="E179" s="8"/>
    </row>
    <row r="180" spans="1:6" s="3" customFormat="1" ht="4.5" customHeight="1" x14ac:dyDescent="0.2">
      <c r="A180" s="1"/>
      <c r="B180" s="1"/>
      <c r="C180" s="1"/>
      <c r="D180" s="8"/>
      <c r="E180" s="8"/>
      <c r="F180" s="2"/>
    </row>
    <row r="181" spans="1:6" s="3" customFormat="1" ht="20.100000000000001" customHeight="1" x14ac:dyDescent="0.25">
      <c r="A181" s="35" t="s">
        <v>37</v>
      </c>
      <c r="B181" s="54"/>
      <c r="C181" s="1"/>
      <c r="D181" s="36" t="s">
        <v>38</v>
      </c>
      <c r="E181" s="137"/>
      <c r="F181" s="137"/>
    </row>
    <row r="182" spans="1:6" s="3" customFormat="1" ht="20.100000000000001" customHeight="1" x14ac:dyDescent="0.25">
      <c r="A182" s="50" t="s">
        <v>39</v>
      </c>
      <c r="B182" s="55"/>
      <c r="C182" s="1"/>
      <c r="D182" s="37"/>
      <c r="E182" s="38"/>
      <c r="F182" s="38"/>
    </row>
    <row r="183" spans="1:6" ht="20.100000000000001" customHeight="1" x14ac:dyDescent="0.2">
      <c r="D183" s="39" t="s">
        <v>40</v>
      </c>
      <c r="E183" s="122"/>
      <c r="F183" s="122"/>
    </row>
    <row r="184" spans="1:6" s="2" customFormat="1" ht="20.100000000000001" customHeight="1" x14ac:dyDescent="0.2">
      <c r="A184" s="1"/>
      <c r="B184" s="1"/>
      <c r="C184" s="1"/>
      <c r="D184" s="39" t="s">
        <v>41</v>
      </c>
      <c r="E184" s="123"/>
      <c r="F184" s="123"/>
    </row>
    <row r="185" spans="1:6" s="2" customFormat="1" ht="20.100000000000001" customHeight="1" x14ac:dyDescent="0.2">
      <c r="A185" s="1"/>
      <c r="B185" s="1"/>
      <c r="C185" s="1"/>
      <c r="D185" s="40" t="s">
        <v>42</v>
      </c>
      <c r="E185" s="1"/>
    </row>
    <row r="186" spans="1:6" s="2" customFormat="1" ht="37.5" customHeight="1" x14ac:dyDescent="0.25"/>
    <row r="187" spans="1:6" s="2" customFormat="1" ht="24" customHeight="1" x14ac:dyDescent="0.25"/>
    <row r="188" spans="1:6" s="2" customFormat="1" ht="24" customHeight="1" x14ac:dyDescent="0.25"/>
    <row r="189" spans="1:6" s="2" customFormat="1" ht="24" customHeight="1" x14ac:dyDescent="0.25"/>
    <row r="190" spans="1:6" s="2" customFormat="1" ht="20.100000000000001" customHeight="1" x14ac:dyDescent="0.25"/>
    <row r="191" spans="1:6" s="2" customFormat="1" ht="20.100000000000001" customHeight="1" x14ac:dyDescent="0.25"/>
    <row r="192" spans="1:6" s="2" customFormat="1" ht="50.1" customHeight="1" x14ac:dyDescent="0.25"/>
    <row r="193" spans="1:5" s="2" customFormat="1" ht="43.5" customHeight="1" x14ac:dyDescent="0.25"/>
    <row r="194" spans="1:5" ht="24.75" customHeight="1" x14ac:dyDescent="0.2">
      <c r="A194" s="2"/>
      <c r="B194" s="2"/>
      <c r="C194" s="2"/>
      <c r="D194" s="2"/>
      <c r="E194" s="2"/>
    </row>
    <row r="195" spans="1:5" x14ac:dyDescent="0.2">
      <c r="A195" s="2"/>
      <c r="B195" s="2"/>
      <c r="C195" s="2"/>
      <c r="D195" s="2"/>
      <c r="E195" s="2"/>
    </row>
    <row r="196" spans="1:5" ht="20.100000000000001" customHeight="1" x14ac:dyDescent="0.2"/>
    <row r="197" spans="1:5" ht="4.5" customHeight="1" x14ac:dyDescent="0.2"/>
    <row r="198" spans="1:5" ht="20.100000000000001" customHeight="1" x14ac:dyDescent="0.2"/>
    <row r="199" spans="1:5" ht="20.100000000000001" customHeight="1" x14ac:dyDescent="0.2"/>
    <row r="200" spans="1:5" ht="20.100000000000001" customHeight="1" x14ac:dyDescent="0.2"/>
  </sheetData>
  <mergeCells count="193">
    <mergeCell ref="E71:F71"/>
    <mergeCell ref="E155:F155"/>
    <mergeCell ref="E154:F154"/>
    <mergeCell ref="E153:F153"/>
    <mergeCell ref="E152:F152"/>
    <mergeCell ref="E151:F151"/>
    <mergeCell ref="E150:F150"/>
    <mergeCell ref="E149:F149"/>
    <mergeCell ref="E148:F148"/>
    <mergeCell ref="E147:F147"/>
    <mergeCell ref="E146:F146"/>
    <mergeCell ref="E145:F145"/>
    <mergeCell ref="E144:F144"/>
    <mergeCell ref="E140:F140"/>
    <mergeCell ref="E139:F139"/>
    <mergeCell ref="E138:F138"/>
    <mergeCell ref="E143:F143"/>
    <mergeCell ref="E136:F136"/>
    <mergeCell ref="E137:F137"/>
    <mergeCell ref="A130:F130"/>
    <mergeCell ref="B143:C143"/>
    <mergeCell ref="B144:C144"/>
    <mergeCell ref="B145:C145"/>
    <mergeCell ref="B146:C146"/>
    <mergeCell ref="B161:C161"/>
    <mergeCell ref="E161:F161"/>
    <mergeCell ref="E160:F160"/>
    <mergeCell ref="E159:F159"/>
    <mergeCell ref="E158:F158"/>
    <mergeCell ref="E157:F157"/>
    <mergeCell ref="E156:F156"/>
    <mergeCell ref="E47:F47"/>
    <mergeCell ref="E48:F48"/>
    <mergeCell ref="E49:F49"/>
    <mergeCell ref="E50:F50"/>
    <mergeCell ref="E51:F51"/>
    <mergeCell ref="E52:F52"/>
    <mergeCell ref="E53:F53"/>
    <mergeCell ref="E60:F60"/>
    <mergeCell ref="E62:F62"/>
    <mergeCell ref="E63:F63"/>
    <mergeCell ref="E64:F64"/>
    <mergeCell ref="E65:F65"/>
    <mergeCell ref="E66:F66"/>
    <mergeCell ref="E67:F67"/>
    <mergeCell ref="E68:F68"/>
    <mergeCell ref="E69:F69"/>
    <mergeCell ref="E70:F70"/>
    <mergeCell ref="E184:F184"/>
    <mergeCell ref="A177:F177"/>
    <mergeCell ref="A178:F178"/>
    <mergeCell ref="A165:B166"/>
    <mergeCell ref="D165:F165"/>
    <mergeCell ref="E166:F166"/>
    <mergeCell ref="E167:F167"/>
    <mergeCell ref="E181:F181"/>
    <mergeCell ref="E183:F183"/>
    <mergeCell ref="B167:C167"/>
    <mergeCell ref="A2:F2"/>
    <mergeCell ref="A1:F1"/>
    <mergeCell ref="A12:D12"/>
    <mergeCell ref="A23:B23"/>
    <mergeCell ref="A26:B26"/>
    <mergeCell ref="B172:D172"/>
    <mergeCell ref="B173:D173"/>
    <mergeCell ref="B174:D174"/>
    <mergeCell ref="B175:D175"/>
    <mergeCell ref="A169:F169"/>
    <mergeCell ref="B170:F170"/>
    <mergeCell ref="A171:E171"/>
    <mergeCell ref="A163:F163"/>
    <mergeCell ref="E134:F134"/>
    <mergeCell ref="E135:F135"/>
    <mergeCell ref="E141:F141"/>
    <mergeCell ref="E142:F142"/>
    <mergeCell ref="A21:F21"/>
    <mergeCell ref="E43:F43"/>
    <mergeCell ref="A42:B42"/>
    <mergeCell ref="A132:B133"/>
    <mergeCell ref="D132:F132"/>
    <mergeCell ref="E133:F133"/>
    <mergeCell ref="E44:F44"/>
    <mergeCell ref="E45:F45"/>
    <mergeCell ref="E46:F46"/>
    <mergeCell ref="B29:D29"/>
    <mergeCell ref="B30:D30"/>
    <mergeCell ref="B32:D32"/>
    <mergeCell ref="A61:B61"/>
    <mergeCell ref="E54:F54"/>
    <mergeCell ref="E55:F55"/>
    <mergeCell ref="E56:F56"/>
    <mergeCell ref="E57:F57"/>
    <mergeCell ref="E58:F58"/>
    <mergeCell ref="E59:F59"/>
    <mergeCell ref="A3:F3"/>
    <mergeCell ref="A7:F7"/>
    <mergeCell ref="A8:F8"/>
    <mergeCell ref="A9:F9"/>
    <mergeCell ref="A13:D13"/>
    <mergeCell ref="A40:B41"/>
    <mergeCell ref="D40:F40"/>
    <mergeCell ref="E41:F41"/>
    <mergeCell ref="A22:F22"/>
    <mergeCell ref="B27:D27"/>
    <mergeCell ref="B28:D28"/>
    <mergeCell ref="A34:B34"/>
    <mergeCell ref="A16:D16"/>
    <mergeCell ref="A17:D17"/>
    <mergeCell ref="A18:F18"/>
    <mergeCell ref="A19:F19"/>
    <mergeCell ref="A20:D20"/>
    <mergeCell ref="A38:F38"/>
    <mergeCell ref="B31:D31"/>
    <mergeCell ref="E72:F72"/>
    <mergeCell ref="E73:F73"/>
    <mergeCell ref="E74:F74"/>
    <mergeCell ref="E75:F75"/>
    <mergeCell ref="E76:F76"/>
    <mergeCell ref="E77:F77"/>
    <mergeCell ref="E78:F78"/>
    <mergeCell ref="E79:F79"/>
    <mergeCell ref="E128:F128"/>
    <mergeCell ref="E119:F119"/>
    <mergeCell ref="E120:F120"/>
    <mergeCell ref="E121:F121"/>
    <mergeCell ref="E122:F122"/>
    <mergeCell ref="E123:F123"/>
    <mergeCell ref="E124:F124"/>
    <mergeCell ref="E125:F125"/>
    <mergeCell ref="E126:F126"/>
    <mergeCell ref="E127:F127"/>
    <mergeCell ref="E116:F116"/>
    <mergeCell ref="E117:F117"/>
    <mergeCell ref="E118:F118"/>
    <mergeCell ref="E89:F89"/>
    <mergeCell ref="E90:F90"/>
    <mergeCell ref="E91:F91"/>
    <mergeCell ref="A80:B80"/>
    <mergeCell ref="E81:F81"/>
    <mergeCell ref="E82:F82"/>
    <mergeCell ref="E83:F83"/>
    <mergeCell ref="E84:F84"/>
    <mergeCell ref="E85:F85"/>
    <mergeCell ref="E86:F86"/>
    <mergeCell ref="E87:F87"/>
    <mergeCell ref="E88:F88"/>
    <mergeCell ref="E92:F92"/>
    <mergeCell ref="E93:F93"/>
    <mergeCell ref="E94:F94"/>
    <mergeCell ref="E95:F95"/>
    <mergeCell ref="E96:F96"/>
    <mergeCell ref="E107:F107"/>
    <mergeCell ref="E108:F108"/>
    <mergeCell ref="E109:F109"/>
    <mergeCell ref="E110:F110"/>
    <mergeCell ref="E111:F111"/>
    <mergeCell ref="E112:F112"/>
    <mergeCell ref="A113:B113"/>
    <mergeCell ref="E114:F114"/>
    <mergeCell ref="E115:F115"/>
    <mergeCell ref="E98:F98"/>
    <mergeCell ref="E99:F99"/>
    <mergeCell ref="E100:F100"/>
    <mergeCell ref="E101:F101"/>
    <mergeCell ref="E102:F102"/>
    <mergeCell ref="E103:F103"/>
    <mergeCell ref="E104:F104"/>
    <mergeCell ref="E105:F105"/>
    <mergeCell ref="E106:F106"/>
    <mergeCell ref="A97:B97"/>
    <mergeCell ref="B153:C153"/>
    <mergeCell ref="B154:C154"/>
    <mergeCell ref="B155:C155"/>
    <mergeCell ref="B156:C156"/>
    <mergeCell ref="B157:C157"/>
    <mergeCell ref="B158:C158"/>
    <mergeCell ref="B159:C159"/>
    <mergeCell ref="B160:C160"/>
    <mergeCell ref="B148:C148"/>
    <mergeCell ref="B149:C149"/>
    <mergeCell ref="B150:C150"/>
    <mergeCell ref="B151:C151"/>
    <mergeCell ref="B152:C152"/>
    <mergeCell ref="B147:C147"/>
    <mergeCell ref="B136:C136"/>
    <mergeCell ref="B137:C137"/>
    <mergeCell ref="B138:C138"/>
    <mergeCell ref="B135:C135"/>
    <mergeCell ref="B134:C134"/>
    <mergeCell ref="B141:C141"/>
    <mergeCell ref="B140:C140"/>
    <mergeCell ref="B139:C139"/>
    <mergeCell ref="B142:C142"/>
  </mergeCells>
  <conditionalFormatting sqref="B172:D175 D43:D60">
    <cfRule type="containsBlanks" dxfId="12" priority="30">
      <formula>LEN(TRIM(B43))=0</formula>
    </cfRule>
  </conditionalFormatting>
  <conditionalFormatting sqref="E183:F183">
    <cfRule type="containsBlanks" dxfId="11" priority="29">
      <formula>LEN(TRIM(E183))=0</formula>
    </cfRule>
  </conditionalFormatting>
  <conditionalFormatting sqref="E184:F184">
    <cfRule type="containsBlanks" dxfId="10" priority="28">
      <formula>LEN(TRIM(E184))=0</formula>
    </cfRule>
  </conditionalFormatting>
  <conditionalFormatting sqref="D134:D161">
    <cfRule type="containsBlanks" dxfId="9" priority="20">
      <formula>LEN(TRIM(D134))=0</formula>
    </cfRule>
  </conditionalFormatting>
  <conditionalFormatting sqref="B181">
    <cfRule type="containsBlanks" dxfId="8" priority="9">
      <formula>LEN(TRIM(B181))=0</formula>
    </cfRule>
  </conditionalFormatting>
  <conditionalFormatting sqref="B4:C4">
    <cfRule type="containsBlanks" dxfId="7" priority="11">
      <formula>LEN(TRIM(B4))=0</formula>
    </cfRule>
  </conditionalFormatting>
  <conditionalFormatting sqref="B5:C5">
    <cfRule type="containsBlanks" dxfId="6" priority="10">
      <formula>LEN(TRIM(B5))=0</formula>
    </cfRule>
  </conditionalFormatting>
  <conditionalFormatting sqref="B182">
    <cfRule type="containsBlanks" dxfId="5" priority="8">
      <formula>LEN(TRIM(B182))=0</formula>
    </cfRule>
  </conditionalFormatting>
  <conditionalFormatting sqref="D62:D79">
    <cfRule type="containsBlanks" dxfId="4" priority="5">
      <formula>LEN(TRIM(D62))=0</formula>
    </cfRule>
  </conditionalFormatting>
  <conditionalFormatting sqref="D81:D96">
    <cfRule type="containsBlanks" dxfId="3" priority="4">
      <formula>LEN(TRIM(D81))=0</formula>
    </cfRule>
  </conditionalFormatting>
  <conditionalFormatting sqref="D98:D112">
    <cfRule type="containsBlanks" dxfId="2" priority="3">
      <formula>LEN(TRIM(D98))=0</formula>
    </cfRule>
  </conditionalFormatting>
  <conditionalFormatting sqref="D114:D128">
    <cfRule type="containsBlanks" dxfId="1" priority="2">
      <formula>LEN(TRIM(D114))=0</formula>
    </cfRule>
  </conditionalFormatting>
  <conditionalFormatting sqref="D167">
    <cfRule type="containsBlanks" dxfId="0" priority="1">
      <formula>LEN(TRIM(D167))=0</formula>
    </cfRule>
  </conditionalFormatting>
  <pageMargins left="0.7" right="0.7" top="0.97499999999999998" bottom="0.75" header="0.3" footer="0.3"/>
  <pageSetup paperSize="9" scale="43"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4</xdr:row>
                    <xdr:rowOff>38100</xdr:rowOff>
                  </from>
                  <to>
                    <xdr:col>0</xdr:col>
                    <xdr:colOff>533400</xdr:colOff>
                    <xdr:row>35</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5</xdr:row>
                    <xdr:rowOff>0</xdr:rowOff>
                  </from>
                  <to>
                    <xdr:col>0</xdr:col>
                    <xdr:colOff>533400</xdr:colOff>
                    <xdr:row>35</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ovalíková Lenka</cp:lastModifiedBy>
  <cp:lastPrinted>2021-06-30T11:05:39Z</cp:lastPrinted>
  <dcterms:created xsi:type="dcterms:W3CDTF">2017-04-21T05:51:15Z</dcterms:created>
  <dcterms:modified xsi:type="dcterms:W3CDTF">2021-06-30T11:06:02Z</dcterms:modified>
</cp:coreProperties>
</file>